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給付 (4)" sheetId="1" r:id="rId1"/>
  </sheets>
  <definedNames>
    <definedName name="_Key1" localSheetId="0" hidden="1">#REF!</definedName>
    <definedName name="_Key1" hidden="1">#REF!</definedName>
    <definedName name="_Order1" hidden="1">0</definedName>
    <definedName name="\b" localSheetId="0">#REF!</definedName>
    <definedName name="\b">#REF!</definedName>
    <definedName name="_xlnm.Print_Area" localSheetId="0">'給付 (4)'!$A$1:$AJ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6" uniqueCount="61">
  <si>
    <t>保険者名</t>
  </si>
  <si>
    <t>入      院</t>
    <rPh sb="0" eb="1">
      <t>イリ</t>
    </rPh>
    <rPh sb="7" eb="8">
      <t>イン</t>
    </rPh>
    <phoneticPr fontId="0"/>
  </si>
  <si>
    <t>入院外</t>
    <rPh sb="0" eb="2">
      <t>ニュウイン</t>
    </rPh>
    <rPh sb="2" eb="3">
      <t>ガイ</t>
    </rPh>
    <phoneticPr fontId="0"/>
  </si>
  <si>
    <t>歯      科</t>
    <rPh sb="0" eb="1">
      <t>ハ</t>
    </rPh>
    <rPh sb="7" eb="8">
      <t>カ</t>
    </rPh>
    <phoneticPr fontId="0"/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</t>
  </si>
  <si>
    <t>退職者</t>
    <rPh sb="0" eb="2">
      <t>タイショク</t>
    </rPh>
    <rPh sb="2" eb="3">
      <t>シャ</t>
    </rPh>
    <phoneticPr fontId="0"/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  <phoneticPr fontId="0"/>
  </si>
  <si>
    <t>町村部平均</t>
  </si>
  <si>
    <t>市町村平均</t>
  </si>
  <si>
    <t>組  合  平  均</t>
    <phoneticPr fontId="0"/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組  合  平  均</t>
    <phoneticPr fontId="0"/>
  </si>
  <si>
    <t>県       平       均</t>
    <phoneticPr fontId="0"/>
  </si>
  <si>
    <t>３.　給付（４）　１００人当たり受診件数の状況(1)</t>
    <phoneticPr fontId="2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（４）　１００人当たり受診件数の状況(</t>
    </r>
    <r>
      <rPr>
        <sz val="11"/>
        <rFont val="ＭＳ Ｐゴシック"/>
        <family val="3"/>
        <charset val="128"/>
      </rPr>
      <t>2)</t>
    </r>
    <phoneticPr fontId="0"/>
  </si>
  <si>
    <t>総      計</t>
    <phoneticPr fontId="0"/>
  </si>
  <si>
    <t>件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.000;[Red]\-#,##0.000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2">
    <xf numFmtId="0" fontId="0" fillId="0" borderId="0" xfId="0"/>
    <xf numFmtId="0" fontId="0" fillId="0" borderId="0" xfId="0" applyBorder="1" applyAlignment="1"/>
    <xf numFmtId="0" fontId="3" fillId="0" borderId="0" xfId="0" applyFont="1" applyBorder="1" applyAlignment="1"/>
    <xf numFmtId="0" fontId="3" fillId="0" borderId="0" xfId="0" applyFont="1" applyBorder="1" applyAlignment="1">
      <alignment horizontal="centerContinuous"/>
    </xf>
    <xf numFmtId="0" fontId="1" fillId="0" borderId="0" xfId="0" applyFont="1" applyBorder="1" applyAlignment="1"/>
    <xf numFmtId="0" fontId="3" fillId="0" borderId="1" xfId="0" applyFont="1" applyBorder="1" applyAlignment="1">
      <alignment horizontal="centerContinuous"/>
    </xf>
    <xf numFmtId="0" fontId="3" fillId="0" borderId="0" xfId="0" applyFont="1" applyAlignment="1"/>
    <xf numFmtId="0" fontId="4" fillId="0" borderId="16" xfId="0" applyFont="1" applyBorder="1" applyAlignment="1">
      <alignment horizontal="center"/>
    </xf>
    <xf numFmtId="0" fontId="4" fillId="0" borderId="17" xfId="0" applyFont="1" applyBorder="1" applyAlignment="1">
      <alignment horizontal="center"/>
    </xf>
    <xf numFmtId="0" fontId="4" fillId="0" borderId="18" xfId="0" applyFont="1" applyBorder="1" applyAlignment="1">
      <alignment horizontal="center"/>
    </xf>
    <xf numFmtId="0" fontId="4" fillId="0" borderId="19" xfId="0" applyFont="1" applyBorder="1" applyAlignment="1">
      <alignment horizontal="center"/>
    </xf>
    <xf numFmtId="38" fontId="4" fillId="0" borderId="9" xfId="1" applyFont="1" applyBorder="1" applyAlignment="1" applyProtection="1"/>
    <xf numFmtId="38" fontId="5" fillId="0" borderId="21" xfId="1" applyFont="1" applyBorder="1" applyAlignment="1"/>
    <xf numFmtId="38" fontId="4" fillId="0" borderId="21" xfId="1" applyFont="1" applyBorder="1" applyAlignment="1"/>
    <xf numFmtId="38" fontId="4" fillId="0" borderId="12" xfId="1" applyFont="1" applyBorder="1" applyAlignment="1"/>
    <xf numFmtId="38" fontId="4" fillId="0" borderId="10" xfId="1" applyFont="1" applyBorder="1" applyAlignment="1"/>
    <xf numFmtId="0" fontId="4" fillId="0" borderId="22" xfId="0" applyFont="1" applyBorder="1" applyAlignment="1"/>
    <xf numFmtId="38" fontId="4" fillId="0" borderId="23" xfId="1" applyFont="1" applyBorder="1" applyAlignment="1" applyProtection="1"/>
    <xf numFmtId="38" fontId="4" fillId="0" borderId="14" xfId="1" applyFont="1" applyBorder="1" applyAlignment="1" applyProtection="1"/>
    <xf numFmtId="38" fontId="5" fillId="0" borderId="16" xfId="1" applyFont="1" applyBorder="1" applyAlignment="1"/>
    <xf numFmtId="38" fontId="4" fillId="0" borderId="16" xfId="1" applyFont="1" applyBorder="1" applyAlignment="1"/>
    <xf numFmtId="38" fontId="4" fillId="0" borderId="19" xfId="1" applyFont="1" applyBorder="1" applyAlignment="1"/>
    <xf numFmtId="38" fontId="4" fillId="0" borderId="18" xfId="1" applyFont="1" applyBorder="1" applyAlignment="1"/>
    <xf numFmtId="0" fontId="4" fillId="0" borderId="25" xfId="0" applyFont="1" applyBorder="1" applyAlignment="1"/>
    <xf numFmtId="38" fontId="5" fillId="0" borderId="26" xfId="1" applyFont="1" applyBorder="1" applyAlignment="1"/>
    <xf numFmtId="38" fontId="4" fillId="0" borderId="26" xfId="1" applyFont="1" applyBorder="1" applyAlignment="1"/>
    <xf numFmtId="38" fontId="4" fillId="0" borderId="28" xfId="1" applyFont="1" applyBorder="1" applyAlignment="1" applyProtection="1"/>
    <xf numFmtId="38" fontId="5" fillId="0" borderId="26" xfId="1" applyFont="1" applyBorder="1" applyAlignment="1" applyProtection="1">
      <alignment horizontal="left"/>
    </xf>
    <xf numFmtId="38" fontId="4" fillId="0" borderId="26" xfId="1" applyFont="1" applyBorder="1" applyAlignment="1" applyProtection="1">
      <alignment horizontal="center"/>
    </xf>
    <xf numFmtId="38" fontId="4" fillId="0" borderId="22" xfId="1" applyFont="1" applyBorder="1" applyAlignment="1"/>
    <xf numFmtId="0" fontId="4" fillId="0" borderId="26" xfId="0" applyFont="1" applyBorder="1" applyAlignment="1">
      <alignment horizontal="center"/>
    </xf>
    <xf numFmtId="38" fontId="4" fillId="0" borderId="26" xfId="1" applyFont="1" applyBorder="1" applyAlignment="1" applyProtection="1">
      <alignment horizontal="left"/>
    </xf>
    <xf numFmtId="38" fontId="4" fillId="0" borderId="30" xfId="1" applyFont="1" applyBorder="1" applyAlignment="1"/>
    <xf numFmtId="38" fontId="4" fillId="0" borderId="21" xfId="1" applyFont="1" applyBorder="1" applyAlignment="1" applyProtection="1">
      <alignment horizontal="center"/>
    </xf>
    <xf numFmtId="0" fontId="4" fillId="0" borderId="21" xfId="0" applyFont="1" applyBorder="1" applyAlignment="1">
      <alignment horizontal="center"/>
    </xf>
    <xf numFmtId="38" fontId="5" fillId="0" borderId="31" xfId="1" applyFont="1" applyBorder="1" applyAlignment="1" applyProtection="1">
      <alignment horizontal="left"/>
    </xf>
    <xf numFmtId="38" fontId="4" fillId="0" borderId="16" xfId="1" applyFont="1" applyBorder="1" applyAlignment="1" applyProtection="1">
      <alignment horizontal="center"/>
    </xf>
    <xf numFmtId="38" fontId="4" fillId="0" borderId="31" xfId="1" applyFont="1" applyBorder="1" applyAlignment="1" applyProtection="1">
      <alignment horizontal="left"/>
    </xf>
    <xf numFmtId="38" fontId="4" fillId="0" borderId="34" xfId="1" applyFont="1" applyBorder="1" applyAlignment="1" applyProtection="1">
      <alignment horizontal="center"/>
    </xf>
    <xf numFmtId="38" fontId="4" fillId="0" borderId="35" xfId="1" applyFont="1" applyBorder="1" applyAlignment="1" applyProtection="1">
      <alignment horizontal="center"/>
    </xf>
    <xf numFmtId="0" fontId="4" fillId="0" borderId="35" xfId="0" applyFont="1" applyBorder="1" applyAlignment="1">
      <alignment horizontal="center"/>
    </xf>
    <xf numFmtId="0" fontId="4" fillId="0" borderId="34" xfId="0" applyFont="1" applyBorder="1" applyAlignment="1">
      <alignment horizontal="center"/>
    </xf>
    <xf numFmtId="38" fontId="4" fillId="0" borderId="39" xfId="1" applyFont="1" applyBorder="1" applyAlignment="1" applyProtection="1">
      <alignment horizontal="center"/>
    </xf>
    <xf numFmtId="38" fontId="4" fillId="0" borderId="41" xfId="1" applyFont="1" applyBorder="1" applyAlignment="1" applyProtection="1">
      <alignment horizontal="center"/>
    </xf>
    <xf numFmtId="0" fontId="4" fillId="0" borderId="39" xfId="0" applyFont="1" applyBorder="1" applyAlignment="1">
      <alignment horizontal="center"/>
    </xf>
    <xf numFmtId="0" fontId="4" fillId="0" borderId="41" xfId="0" applyFont="1" applyBorder="1" applyAlignment="1">
      <alignment horizontal="center"/>
    </xf>
    <xf numFmtId="176" fontId="4" fillId="0" borderId="21" xfId="1" applyNumberFormat="1" applyFont="1" applyBorder="1" applyAlignment="1"/>
    <xf numFmtId="176" fontId="4" fillId="0" borderId="16" xfId="1" applyNumberFormat="1" applyFont="1" applyBorder="1" applyAlignment="1"/>
    <xf numFmtId="176" fontId="4" fillId="0" borderId="24" xfId="1" applyNumberFormat="1" applyFont="1" applyBorder="1" applyAlignment="1"/>
    <xf numFmtId="176" fontId="4" fillId="0" borderId="26" xfId="1" applyNumberFormat="1" applyFont="1" applyBorder="1" applyAlignment="1"/>
    <xf numFmtId="176" fontId="4" fillId="0" borderId="27" xfId="1" applyNumberFormat="1" applyFont="1" applyBorder="1" applyAlignment="1"/>
    <xf numFmtId="176" fontId="4" fillId="0" borderId="31" xfId="1" applyNumberFormat="1" applyFont="1" applyBorder="1" applyAlignment="1"/>
    <xf numFmtId="176" fontId="4" fillId="0" borderId="34" xfId="1" applyNumberFormat="1" applyFont="1" applyBorder="1" applyAlignment="1"/>
    <xf numFmtId="176" fontId="4" fillId="0" borderId="29" xfId="1" applyNumberFormat="1" applyFont="1" applyBorder="1" applyAlignment="1"/>
    <xf numFmtId="176" fontId="4" fillId="0" borderId="38" xfId="1" applyNumberFormat="1" applyFont="1" applyBorder="1" applyAlignment="1"/>
    <xf numFmtId="176" fontId="4" fillId="0" borderId="39" xfId="1" applyNumberFormat="1" applyFont="1" applyBorder="1" applyAlignment="1"/>
    <xf numFmtId="176" fontId="4" fillId="0" borderId="40" xfId="1" applyNumberFormat="1" applyFont="1" applyBorder="1" applyAlignment="1"/>
    <xf numFmtId="176" fontId="3" fillId="0" borderId="0" xfId="0" applyNumberFormat="1" applyFont="1" applyBorder="1" applyAlignment="1">
      <alignment horizontal="centerContinuous"/>
    </xf>
    <xf numFmtId="0" fontId="4" fillId="0" borderId="0" xfId="0" applyFont="1" applyAlignment="1"/>
    <xf numFmtId="0" fontId="4" fillId="0" borderId="3" xfId="0" applyFont="1" applyBorder="1" applyAlignment="1"/>
    <xf numFmtId="0" fontId="4" fillId="0" borderId="0" xfId="0" applyFont="1" applyBorder="1" applyAlignment="1"/>
    <xf numFmtId="38" fontId="4" fillId="0" borderId="32" xfId="1" applyFont="1" applyBorder="1" applyAlignment="1" applyProtection="1">
      <alignment horizontal="distributed" justifyLastLine="1"/>
    </xf>
    <xf numFmtId="0" fontId="4" fillId="0" borderId="33" xfId="0" applyFont="1" applyBorder="1" applyAlignment="1">
      <alignment horizontal="distributed" justifyLastLine="1"/>
    </xf>
    <xf numFmtId="0" fontId="4" fillId="0" borderId="10" xfId="0" applyFont="1" applyBorder="1" applyAlignment="1">
      <alignment horizontal="distributed" justifyLastLine="1"/>
    </xf>
    <xf numFmtId="0" fontId="4" fillId="0" borderId="11" xfId="0" applyFont="1" applyBorder="1" applyAlignment="1">
      <alignment horizontal="distributed" justifyLastLine="1"/>
    </xf>
    <xf numFmtId="0" fontId="4" fillId="0" borderId="12" xfId="0" applyFont="1" applyBorder="1" applyAlignment="1">
      <alignment horizontal="distributed" justifyLastLine="1"/>
    </xf>
    <xf numFmtId="38" fontId="4" fillId="0" borderId="36" xfId="1" applyFont="1" applyBorder="1" applyAlignment="1">
      <alignment horizontal="distributed" justifyLastLine="1"/>
    </xf>
    <xf numFmtId="0" fontId="4" fillId="0" borderId="37" xfId="0" applyFont="1" applyBorder="1" applyAlignment="1">
      <alignment horizontal="distributed" justifyLastLine="1"/>
    </xf>
    <xf numFmtId="38" fontId="4" fillId="0" borderId="32" xfId="1" applyFont="1" applyBorder="1" applyAlignment="1">
      <alignment horizontal="distributed" justifyLastLine="1"/>
    </xf>
    <xf numFmtId="0" fontId="4" fillId="0" borderId="4" xfId="0" applyFont="1" applyBorder="1" applyAlignment="1">
      <alignment horizontal="distributed" justifyLastLine="1"/>
    </xf>
    <xf numFmtId="0" fontId="4" fillId="0" borderId="5" xfId="0" applyFont="1" applyBorder="1" applyAlignment="1">
      <alignment horizontal="distributed" justifyLastLine="1"/>
    </xf>
    <xf numFmtId="0" fontId="4" fillId="0" borderId="7" xfId="0" applyFont="1" applyBorder="1" applyAlignment="1">
      <alignment horizontal="distributed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3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4" fillId="0" borderId="0" xfId="0" applyFont="1" applyBorder="1" applyAlignment="1">
      <alignment horizontal="distributed" vertical="center" justifyLastLine="1"/>
    </xf>
    <xf numFmtId="0" fontId="4" fillId="0" borderId="14" xfId="0" applyFont="1" applyBorder="1" applyAlignment="1">
      <alignment horizontal="distributed" vertical="center" justifyLastLine="1"/>
    </xf>
    <xf numFmtId="0" fontId="4" fillId="0" borderId="1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justifyLastLine="1"/>
    </xf>
    <xf numFmtId="0" fontId="4" fillId="0" borderId="8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horizontal="distributed" vertical="center" justifyLastLine="1"/>
    </xf>
    <xf numFmtId="0" fontId="4" fillId="0" borderId="20" xfId="0" applyFont="1" applyBorder="1" applyAlignment="1">
      <alignment horizontal="distributed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128"/>
  <sheetViews>
    <sheetView tabSelected="1" view="pageBreakPreview" zoomScaleNormal="100" zoomScaleSheetLayoutView="80" workbookViewId="0">
      <selection activeCell="E15" sqref="E15"/>
    </sheetView>
  </sheetViews>
  <sheetFormatPr defaultRowHeight="15.75" customHeight="1" x14ac:dyDescent="0.15"/>
  <cols>
    <col min="1" max="1" width="3.625" style="6" customWidth="1"/>
    <col min="2" max="2" width="10" style="6" customWidth="1"/>
    <col min="3" max="3" width="13.25" style="6" customWidth="1"/>
    <col min="4" max="4" width="4.75" style="6" customWidth="1"/>
    <col min="5" max="5" width="13.25" style="6" customWidth="1"/>
    <col min="6" max="6" width="4.875" style="6" customWidth="1"/>
    <col min="7" max="7" width="13.25" style="6" customWidth="1"/>
    <col min="8" max="8" width="4.75" style="6" customWidth="1"/>
    <col min="9" max="9" width="13.25" style="6" customWidth="1"/>
    <col min="10" max="10" width="4.75" style="6" customWidth="1"/>
    <col min="11" max="11" width="13.125" style="6" customWidth="1"/>
    <col min="12" max="12" width="4.75" style="6" customWidth="1"/>
    <col min="13" max="13" width="13.125" style="6" customWidth="1"/>
    <col min="14" max="14" width="4.75" style="6" customWidth="1"/>
    <col min="15" max="15" width="13.125" style="6" customWidth="1"/>
    <col min="16" max="16" width="4.75" style="6" customWidth="1"/>
    <col min="17" max="17" width="13.125" style="6" customWidth="1"/>
    <col min="18" max="18" width="4.75" style="6" customWidth="1"/>
    <col min="19" max="19" width="3.625" style="6" customWidth="1"/>
    <col min="20" max="20" width="10" style="6" customWidth="1"/>
    <col min="21" max="21" width="13.125" style="6" customWidth="1"/>
    <col min="22" max="22" width="4.75" style="6" customWidth="1"/>
    <col min="23" max="23" width="13.125" style="6" customWidth="1"/>
    <col min="24" max="24" width="4.75" style="6" customWidth="1"/>
    <col min="25" max="25" width="13.125" style="6" customWidth="1"/>
    <col min="26" max="26" width="4.75" style="6" customWidth="1"/>
    <col min="27" max="27" width="13.125" style="6" customWidth="1"/>
    <col min="28" max="28" width="4.75" style="6" customWidth="1"/>
    <col min="29" max="29" width="13.125" style="6" customWidth="1"/>
    <col min="30" max="30" width="4.75" style="6" customWidth="1"/>
    <col min="31" max="31" width="13.125" style="6" customWidth="1"/>
    <col min="32" max="32" width="4.75" style="6" customWidth="1"/>
    <col min="33" max="33" width="13.125" style="6" customWidth="1"/>
    <col min="34" max="34" width="4.75" style="6" customWidth="1"/>
    <col min="35" max="35" width="13.125" style="6" customWidth="1"/>
    <col min="36" max="36" width="4.75" style="6" customWidth="1"/>
    <col min="37" max="16384" width="9" style="6"/>
  </cols>
  <sheetData>
    <row r="1" spans="1:36" s="2" customFormat="1" ht="21" customHeight="1" x14ac:dyDescent="0.15">
      <c r="A1" s="1" t="s">
        <v>57</v>
      </c>
      <c r="C1" s="57"/>
      <c r="D1" s="3"/>
      <c r="E1" s="3"/>
      <c r="F1" s="3"/>
      <c r="G1" s="57"/>
      <c r="H1" s="3"/>
      <c r="I1" s="57"/>
      <c r="J1" s="3"/>
      <c r="K1" s="57"/>
      <c r="L1" s="3"/>
      <c r="M1" s="57"/>
      <c r="N1" s="3"/>
      <c r="O1" s="57"/>
      <c r="P1" s="3"/>
      <c r="Q1" s="57"/>
      <c r="R1" s="3"/>
      <c r="S1" s="1" t="s">
        <v>58</v>
      </c>
      <c r="T1" s="3"/>
      <c r="U1" s="57"/>
      <c r="V1" s="3"/>
      <c r="W1" s="3"/>
      <c r="X1" s="3"/>
      <c r="Y1" s="57"/>
      <c r="Z1" s="3"/>
      <c r="AA1" s="57"/>
      <c r="AB1" s="3"/>
      <c r="AC1" s="57"/>
      <c r="AD1" s="3"/>
      <c r="AE1" s="3"/>
      <c r="AF1" s="3"/>
      <c r="AG1" s="57"/>
      <c r="AH1" s="3"/>
      <c r="AI1" s="57"/>
      <c r="AJ1" s="3"/>
    </row>
    <row r="2" spans="1:36" s="2" customFormat="1" ht="7.5" customHeight="1" thickBot="1" x14ac:dyDescent="0.2">
      <c r="A2" s="4"/>
      <c r="C2" s="57"/>
      <c r="D2" s="3"/>
      <c r="E2" s="3"/>
      <c r="F2" s="3"/>
      <c r="G2" s="57"/>
      <c r="H2" s="3"/>
      <c r="I2" s="57"/>
      <c r="J2" s="3"/>
      <c r="K2" s="57"/>
      <c r="L2" s="3"/>
      <c r="M2" s="57"/>
      <c r="N2" s="3"/>
      <c r="O2" s="57"/>
      <c r="P2" s="3"/>
      <c r="Q2" s="57"/>
      <c r="R2" s="3"/>
      <c r="S2" s="3"/>
      <c r="T2" s="3"/>
      <c r="U2" s="57"/>
      <c r="V2" s="3"/>
      <c r="W2" s="3"/>
      <c r="X2" s="3"/>
      <c r="Y2" s="57"/>
      <c r="Z2" s="3"/>
      <c r="AA2" s="57"/>
      <c r="AB2" s="3"/>
      <c r="AC2" s="57"/>
      <c r="AD2" s="3"/>
      <c r="AE2" s="3"/>
      <c r="AF2" s="3"/>
      <c r="AG2" s="57"/>
      <c r="AH2" s="3"/>
      <c r="AI2" s="57"/>
      <c r="AJ2" s="5"/>
    </row>
    <row r="3" spans="1:36" ht="11.25" x14ac:dyDescent="0.15">
      <c r="A3" s="72" t="s">
        <v>0</v>
      </c>
      <c r="B3" s="73"/>
      <c r="C3" s="69" t="s">
        <v>1</v>
      </c>
      <c r="D3" s="70"/>
      <c r="E3" s="70"/>
      <c r="F3" s="70"/>
      <c r="G3" s="70"/>
      <c r="H3" s="70"/>
      <c r="I3" s="70"/>
      <c r="J3" s="71"/>
      <c r="K3" s="78" t="s">
        <v>2</v>
      </c>
      <c r="L3" s="70"/>
      <c r="M3" s="70"/>
      <c r="N3" s="70"/>
      <c r="O3" s="70"/>
      <c r="P3" s="70"/>
      <c r="Q3" s="70"/>
      <c r="R3" s="71"/>
      <c r="S3" s="72" t="s">
        <v>0</v>
      </c>
      <c r="T3" s="79"/>
      <c r="U3" s="69" t="s">
        <v>3</v>
      </c>
      <c r="V3" s="70"/>
      <c r="W3" s="70"/>
      <c r="X3" s="70"/>
      <c r="Y3" s="70"/>
      <c r="Z3" s="70"/>
      <c r="AA3" s="70"/>
      <c r="AB3" s="71"/>
      <c r="AC3" s="70" t="s">
        <v>59</v>
      </c>
      <c r="AD3" s="70"/>
      <c r="AE3" s="70"/>
      <c r="AF3" s="70"/>
      <c r="AG3" s="70"/>
      <c r="AH3" s="70"/>
      <c r="AI3" s="70"/>
      <c r="AJ3" s="71"/>
    </row>
    <row r="4" spans="1:36" ht="10.5" customHeight="1" x14ac:dyDescent="0.15">
      <c r="A4" s="74"/>
      <c r="B4" s="75"/>
      <c r="C4" s="63" t="s">
        <v>4</v>
      </c>
      <c r="D4" s="64"/>
      <c r="E4" s="63" t="s">
        <v>5</v>
      </c>
      <c r="F4" s="64"/>
      <c r="G4" s="63" t="s">
        <v>6</v>
      </c>
      <c r="H4" s="64"/>
      <c r="I4" s="63" t="s">
        <v>7</v>
      </c>
      <c r="J4" s="65"/>
      <c r="K4" s="63" t="s">
        <v>4</v>
      </c>
      <c r="L4" s="64"/>
      <c r="M4" s="63" t="s">
        <v>8</v>
      </c>
      <c r="N4" s="64"/>
      <c r="O4" s="63" t="s">
        <v>6</v>
      </c>
      <c r="P4" s="64"/>
      <c r="Q4" s="63" t="s">
        <v>7</v>
      </c>
      <c r="R4" s="65"/>
      <c r="S4" s="74"/>
      <c r="T4" s="80"/>
      <c r="U4" s="63" t="s">
        <v>4</v>
      </c>
      <c r="V4" s="64"/>
      <c r="W4" s="63" t="s">
        <v>5</v>
      </c>
      <c r="X4" s="64"/>
      <c r="Y4" s="63" t="s">
        <v>6</v>
      </c>
      <c r="Z4" s="64"/>
      <c r="AA4" s="63" t="s">
        <v>7</v>
      </c>
      <c r="AB4" s="65"/>
      <c r="AC4" s="63" t="s">
        <v>4</v>
      </c>
      <c r="AD4" s="64"/>
      <c r="AE4" s="63" t="s">
        <v>5</v>
      </c>
      <c r="AF4" s="64"/>
      <c r="AG4" s="63" t="s">
        <v>6</v>
      </c>
      <c r="AH4" s="64"/>
      <c r="AI4" s="63" t="s">
        <v>7</v>
      </c>
      <c r="AJ4" s="65"/>
    </row>
    <row r="5" spans="1:36" ht="10.5" customHeight="1" thickBot="1" x14ac:dyDescent="0.2">
      <c r="A5" s="76"/>
      <c r="B5" s="77"/>
      <c r="C5" s="7" t="s">
        <v>60</v>
      </c>
      <c r="D5" s="8" t="s">
        <v>9</v>
      </c>
      <c r="E5" s="9" t="s">
        <v>60</v>
      </c>
      <c r="F5" s="9" t="s">
        <v>9</v>
      </c>
      <c r="G5" s="7" t="s">
        <v>60</v>
      </c>
      <c r="H5" s="8" t="s">
        <v>9</v>
      </c>
      <c r="I5" s="7" t="s">
        <v>60</v>
      </c>
      <c r="J5" s="10" t="s">
        <v>9</v>
      </c>
      <c r="K5" s="7" t="s">
        <v>60</v>
      </c>
      <c r="L5" s="8" t="s">
        <v>9</v>
      </c>
      <c r="M5" s="9" t="s">
        <v>60</v>
      </c>
      <c r="N5" s="9" t="s">
        <v>9</v>
      </c>
      <c r="O5" s="7" t="s">
        <v>60</v>
      </c>
      <c r="P5" s="8" t="s">
        <v>9</v>
      </c>
      <c r="Q5" s="7" t="s">
        <v>60</v>
      </c>
      <c r="R5" s="10" t="s">
        <v>9</v>
      </c>
      <c r="S5" s="76"/>
      <c r="T5" s="81"/>
      <c r="U5" s="7" t="s">
        <v>60</v>
      </c>
      <c r="V5" s="8" t="s">
        <v>9</v>
      </c>
      <c r="W5" s="9" t="s">
        <v>60</v>
      </c>
      <c r="X5" s="9" t="s">
        <v>9</v>
      </c>
      <c r="Y5" s="7" t="s">
        <v>60</v>
      </c>
      <c r="Z5" s="8" t="s">
        <v>9</v>
      </c>
      <c r="AA5" s="7" t="s">
        <v>60</v>
      </c>
      <c r="AB5" s="10" t="s">
        <v>9</v>
      </c>
      <c r="AC5" s="7" t="s">
        <v>60</v>
      </c>
      <c r="AD5" s="8" t="s">
        <v>9</v>
      </c>
      <c r="AE5" s="9" t="s">
        <v>60</v>
      </c>
      <c r="AF5" s="9" t="s">
        <v>9</v>
      </c>
      <c r="AG5" s="7" t="s">
        <v>60</v>
      </c>
      <c r="AH5" s="8" t="s">
        <v>9</v>
      </c>
      <c r="AI5" s="7" t="s">
        <v>60</v>
      </c>
      <c r="AJ5" s="10" t="s">
        <v>9</v>
      </c>
    </row>
    <row r="6" spans="1:36" ht="14.1" customHeight="1" thickTop="1" x14ac:dyDescent="0.15">
      <c r="A6" s="11">
        <v>1</v>
      </c>
      <c r="B6" s="12" t="s">
        <v>10</v>
      </c>
      <c r="C6" s="46">
        <v>19.515000000000001</v>
      </c>
      <c r="D6" s="13">
        <v>24</v>
      </c>
      <c r="E6" s="46">
        <v>22.315000000000001</v>
      </c>
      <c r="F6" s="13">
        <v>12</v>
      </c>
      <c r="G6" s="46">
        <v>28.504000000000001</v>
      </c>
      <c r="H6" s="13">
        <v>19</v>
      </c>
      <c r="I6" s="46">
        <v>19.548999999999999</v>
      </c>
      <c r="J6" s="14">
        <v>24</v>
      </c>
      <c r="K6" s="46">
        <v>864.21199999999999</v>
      </c>
      <c r="L6" s="13">
        <v>9</v>
      </c>
      <c r="M6" s="46">
        <v>1012.197</v>
      </c>
      <c r="N6" s="13">
        <v>3</v>
      </c>
      <c r="O6" s="46">
        <v>1262.4159999999999</v>
      </c>
      <c r="P6" s="13">
        <v>4</v>
      </c>
      <c r="Q6" s="46">
        <v>866.04899999999998</v>
      </c>
      <c r="R6" s="14">
        <v>9</v>
      </c>
      <c r="S6" s="11">
        <v>1</v>
      </c>
      <c r="T6" s="13" t="s">
        <v>10</v>
      </c>
      <c r="U6" s="46">
        <v>199.34</v>
      </c>
      <c r="V6" s="13">
        <v>13</v>
      </c>
      <c r="W6" s="46">
        <v>251.36099999999999</v>
      </c>
      <c r="X6" s="13">
        <v>6</v>
      </c>
      <c r="Y6" s="46">
        <v>268.18900000000002</v>
      </c>
      <c r="Z6" s="13">
        <v>6</v>
      </c>
      <c r="AA6" s="46">
        <v>199.98599999999999</v>
      </c>
      <c r="AB6" s="14">
        <v>13</v>
      </c>
      <c r="AC6" s="46">
        <v>1083.067</v>
      </c>
      <c r="AD6" s="13">
        <v>10</v>
      </c>
      <c r="AE6" s="46">
        <v>1285.873</v>
      </c>
      <c r="AF6" s="13">
        <v>2</v>
      </c>
      <c r="AG6" s="46">
        <v>1559.1089999999999</v>
      </c>
      <c r="AH6" s="15">
        <v>5</v>
      </c>
      <c r="AI6" s="46">
        <v>1085.5840000000001</v>
      </c>
      <c r="AJ6" s="16">
        <v>10</v>
      </c>
    </row>
    <row r="7" spans="1:36" ht="14.1" customHeight="1" x14ac:dyDescent="0.15">
      <c r="A7" s="17">
        <v>2</v>
      </c>
      <c r="B7" s="12" t="s">
        <v>11</v>
      </c>
      <c r="C7" s="46">
        <v>19.187999999999999</v>
      </c>
      <c r="D7" s="13">
        <v>25</v>
      </c>
      <c r="E7" s="46">
        <v>25.753</v>
      </c>
      <c r="F7" s="13">
        <v>4</v>
      </c>
      <c r="G7" s="46">
        <v>31.791</v>
      </c>
      <c r="H7" s="13">
        <v>6</v>
      </c>
      <c r="I7" s="46">
        <v>19.288</v>
      </c>
      <c r="J7" s="14">
        <v>25</v>
      </c>
      <c r="K7" s="46">
        <v>797.89499999999998</v>
      </c>
      <c r="L7" s="13">
        <v>26</v>
      </c>
      <c r="M7" s="46">
        <v>960.94399999999996</v>
      </c>
      <c r="N7" s="13">
        <v>10</v>
      </c>
      <c r="O7" s="46">
        <v>1228.1869999999999</v>
      </c>
      <c r="P7" s="13">
        <v>7</v>
      </c>
      <c r="Q7" s="46">
        <v>800.38699999999994</v>
      </c>
      <c r="R7" s="14">
        <v>25</v>
      </c>
      <c r="S7" s="17">
        <v>2</v>
      </c>
      <c r="T7" s="13" t="s">
        <v>11</v>
      </c>
      <c r="U7" s="46">
        <v>188.68899999999999</v>
      </c>
      <c r="V7" s="13">
        <v>20</v>
      </c>
      <c r="W7" s="46">
        <v>246.274</v>
      </c>
      <c r="X7" s="13">
        <v>8</v>
      </c>
      <c r="Y7" s="46">
        <v>261.89100000000002</v>
      </c>
      <c r="Z7" s="13">
        <v>12</v>
      </c>
      <c r="AA7" s="46">
        <v>189.56899999999999</v>
      </c>
      <c r="AB7" s="14">
        <v>20</v>
      </c>
      <c r="AC7" s="46">
        <v>1005.771</v>
      </c>
      <c r="AD7" s="13">
        <v>24</v>
      </c>
      <c r="AE7" s="46">
        <v>1232.97</v>
      </c>
      <c r="AF7" s="13">
        <v>10</v>
      </c>
      <c r="AG7" s="46">
        <v>1521.8689999999999</v>
      </c>
      <c r="AH7" s="15">
        <v>8</v>
      </c>
      <c r="AI7" s="46">
        <v>1009.244</v>
      </c>
      <c r="AJ7" s="16">
        <v>24</v>
      </c>
    </row>
    <row r="8" spans="1:36" ht="14.1" customHeight="1" x14ac:dyDescent="0.15">
      <c r="A8" s="17">
        <v>3</v>
      </c>
      <c r="B8" s="12" t="s">
        <v>12</v>
      </c>
      <c r="C8" s="46">
        <v>20.213000000000001</v>
      </c>
      <c r="D8" s="13">
        <v>19</v>
      </c>
      <c r="E8" s="46">
        <v>17.443999999999999</v>
      </c>
      <c r="F8" s="13">
        <v>24</v>
      </c>
      <c r="G8" s="46">
        <v>27.902999999999999</v>
      </c>
      <c r="H8" s="13">
        <v>23</v>
      </c>
      <c r="I8" s="46">
        <v>20.164000000000001</v>
      </c>
      <c r="J8" s="14">
        <v>20</v>
      </c>
      <c r="K8" s="46">
        <v>918.26800000000003</v>
      </c>
      <c r="L8" s="13">
        <v>2</v>
      </c>
      <c r="M8" s="46">
        <v>984.33699999999999</v>
      </c>
      <c r="N8" s="13">
        <v>7</v>
      </c>
      <c r="O8" s="46">
        <v>1286.595</v>
      </c>
      <c r="P8" s="13">
        <v>2</v>
      </c>
      <c r="Q8" s="46">
        <v>919.42399999999998</v>
      </c>
      <c r="R8" s="14">
        <v>2</v>
      </c>
      <c r="S8" s="17">
        <v>3</v>
      </c>
      <c r="T8" s="13" t="s">
        <v>12</v>
      </c>
      <c r="U8" s="46">
        <v>208.048</v>
      </c>
      <c r="V8" s="13">
        <v>6</v>
      </c>
      <c r="W8" s="46">
        <v>242.69300000000001</v>
      </c>
      <c r="X8" s="13">
        <v>10</v>
      </c>
      <c r="Y8" s="46">
        <v>270.83300000000003</v>
      </c>
      <c r="Z8" s="13">
        <v>4</v>
      </c>
      <c r="AA8" s="46">
        <v>208.654</v>
      </c>
      <c r="AB8" s="14">
        <v>6</v>
      </c>
      <c r="AC8" s="46">
        <v>1146.528</v>
      </c>
      <c r="AD8" s="13">
        <v>2</v>
      </c>
      <c r="AE8" s="46">
        <v>1244.4739999999999</v>
      </c>
      <c r="AF8" s="13">
        <v>8</v>
      </c>
      <c r="AG8" s="46">
        <v>1585.33</v>
      </c>
      <c r="AH8" s="15">
        <v>2</v>
      </c>
      <c r="AI8" s="46">
        <v>1148.242</v>
      </c>
      <c r="AJ8" s="16">
        <v>2</v>
      </c>
    </row>
    <row r="9" spans="1:36" ht="14.1" customHeight="1" x14ac:dyDescent="0.15">
      <c r="A9" s="17">
        <v>4</v>
      </c>
      <c r="B9" s="12" t="s">
        <v>13</v>
      </c>
      <c r="C9" s="46">
        <v>20.923999999999999</v>
      </c>
      <c r="D9" s="13">
        <v>17</v>
      </c>
      <c r="E9" s="46">
        <v>24.391999999999999</v>
      </c>
      <c r="F9" s="13">
        <v>7</v>
      </c>
      <c r="G9" s="46">
        <v>29.437999999999999</v>
      </c>
      <c r="H9" s="13">
        <v>15</v>
      </c>
      <c r="I9" s="46">
        <v>20.984999999999999</v>
      </c>
      <c r="J9" s="14">
        <v>17</v>
      </c>
      <c r="K9" s="46">
        <v>806.24699999999996</v>
      </c>
      <c r="L9" s="13">
        <v>22</v>
      </c>
      <c r="M9" s="46">
        <v>927.49400000000003</v>
      </c>
      <c r="N9" s="13">
        <v>18</v>
      </c>
      <c r="O9" s="46">
        <v>1151.8009999999999</v>
      </c>
      <c r="P9" s="13">
        <v>18</v>
      </c>
      <c r="Q9" s="46">
        <v>808.37300000000005</v>
      </c>
      <c r="R9" s="14">
        <v>23</v>
      </c>
      <c r="S9" s="17">
        <v>4</v>
      </c>
      <c r="T9" s="13" t="s">
        <v>13</v>
      </c>
      <c r="U9" s="46">
        <v>187.761</v>
      </c>
      <c r="V9" s="13">
        <v>22</v>
      </c>
      <c r="W9" s="46">
        <v>230.17599999999999</v>
      </c>
      <c r="X9" s="13">
        <v>18</v>
      </c>
      <c r="Y9" s="46">
        <v>248.70500000000001</v>
      </c>
      <c r="Z9" s="13">
        <v>18</v>
      </c>
      <c r="AA9" s="46">
        <v>188.50399999999999</v>
      </c>
      <c r="AB9" s="14">
        <v>22</v>
      </c>
      <c r="AC9" s="46">
        <v>1014.932</v>
      </c>
      <c r="AD9" s="13">
        <v>22</v>
      </c>
      <c r="AE9" s="46">
        <v>1182.0619999999999</v>
      </c>
      <c r="AF9" s="13">
        <v>16</v>
      </c>
      <c r="AG9" s="46">
        <v>1429.944</v>
      </c>
      <c r="AH9" s="15">
        <v>17</v>
      </c>
      <c r="AI9" s="46">
        <v>1017.862</v>
      </c>
      <c r="AJ9" s="16">
        <v>20</v>
      </c>
    </row>
    <row r="10" spans="1:36" ht="14.1" customHeight="1" x14ac:dyDescent="0.15">
      <c r="A10" s="17">
        <v>5</v>
      </c>
      <c r="B10" s="12" t="s">
        <v>14</v>
      </c>
      <c r="C10" s="46">
        <v>19.068000000000001</v>
      </c>
      <c r="D10" s="13">
        <v>28</v>
      </c>
      <c r="E10" s="46">
        <v>21.486000000000001</v>
      </c>
      <c r="F10" s="13">
        <v>15</v>
      </c>
      <c r="G10" s="46">
        <v>27.17</v>
      </c>
      <c r="H10" s="13">
        <v>27</v>
      </c>
      <c r="I10" s="46">
        <v>19.116</v>
      </c>
      <c r="J10" s="14">
        <v>26</v>
      </c>
      <c r="K10" s="46">
        <v>882.71400000000006</v>
      </c>
      <c r="L10" s="13">
        <v>5</v>
      </c>
      <c r="M10" s="46">
        <v>988.11400000000003</v>
      </c>
      <c r="N10" s="13">
        <v>4</v>
      </c>
      <c r="O10" s="46">
        <v>1209.0989999999999</v>
      </c>
      <c r="P10" s="13">
        <v>11</v>
      </c>
      <c r="Q10" s="46">
        <v>884.82500000000005</v>
      </c>
      <c r="R10" s="14">
        <v>5</v>
      </c>
      <c r="S10" s="17">
        <v>5</v>
      </c>
      <c r="T10" s="13" t="s">
        <v>14</v>
      </c>
      <c r="U10" s="46">
        <v>218.68299999999999</v>
      </c>
      <c r="V10" s="13">
        <v>1</v>
      </c>
      <c r="W10" s="46">
        <v>249.029</v>
      </c>
      <c r="X10" s="13">
        <v>7</v>
      </c>
      <c r="Y10" s="46">
        <v>279.95600000000002</v>
      </c>
      <c r="Z10" s="13">
        <v>2</v>
      </c>
      <c r="AA10" s="46">
        <v>219.29</v>
      </c>
      <c r="AB10" s="14">
        <v>1</v>
      </c>
      <c r="AC10" s="46">
        <v>1120.4649999999999</v>
      </c>
      <c r="AD10" s="13">
        <v>5</v>
      </c>
      <c r="AE10" s="46">
        <v>1258.6289999999999</v>
      </c>
      <c r="AF10" s="13">
        <v>6</v>
      </c>
      <c r="AG10" s="46">
        <v>1516.2249999999999</v>
      </c>
      <c r="AH10" s="15">
        <v>10</v>
      </c>
      <c r="AI10" s="46">
        <v>1123.232</v>
      </c>
      <c r="AJ10" s="16">
        <v>5</v>
      </c>
    </row>
    <row r="11" spans="1:36" ht="14.1" customHeight="1" x14ac:dyDescent="0.15">
      <c r="A11" s="17">
        <v>6</v>
      </c>
      <c r="B11" s="12" t="s">
        <v>15</v>
      </c>
      <c r="C11" s="46">
        <v>18.494</v>
      </c>
      <c r="D11" s="13">
        <v>30</v>
      </c>
      <c r="E11" s="46">
        <v>16.276</v>
      </c>
      <c r="F11" s="13">
        <v>28</v>
      </c>
      <c r="G11" s="46">
        <v>26.64</v>
      </c>
      <c r="H11" s="13">
        <v>30</v>
      </c>
      <c r="I11" s="46">
        <v>18.443999999999999</v>
      </c>
      <c r="J11" s="14">
        <v>31</v>
      </c>
      <c r="K11" s="46">
        <v>865.95799999999997</v>
      </c>
      <c r="L11" s="13">
        <v>8</v>
      </c>
      <c r="M11" s="46">
        <v>942.56100000000004</v>
      </c>
      <c r="N11" s="13">
        <v>12</v>
      </c>
      <c r="O11" s="46">
        <v>1266.4490000000001</v>
      </c>
      <c r="P11" s="13">
        <v>3</v>
      </c>
      <c r="Q11" s="46">
        <v>867.68799999999999</v>
      </c>
      <c r="R11" s="14">
        <v>7</v>
      </c>
      <c r="S11" s="17">
        <v>6</v>
      </c>
      <c r="T11" s="13" t="s">
        <v>15</v>
      </c>
      <c r="U11" s="46">
        <v>207.167</v>
      </c>
      <c r="V11" s="13">
        <v>8</v>
      </c>
      <c r="W11" s="46">
        <v>238.864</v>
      </c>
      <c r="X11" s="13">
        <v>12</v>
      </c>
      <c r="Y11" s="46">
        <v>272.82100000000003</v>
      </c>
      <c r="Z11" s="13">
        <v>3</v>
      </c>
      <c r="AA11" s="46">
        <v>207.88300000000001</v>
      </c>
      <c r="AB11" s="14">
        <v>8</v>
      </c>
      <c r="AC11" s="46">
        <v>1091.6199999999999</v>
      </c>
      <c r="AD11" s="13">
        <v>8</v>
      </c>
      <c r="AE11" s="46">
        <v>1197.701</v>
      </c>
      <c r="AF11" s="13">
        <v>14</v>
      </c>
      <c r="AG11" s="46">
        <v>1565.9090000000001</v>
      </c>
      <c r="AH11" s="15">
        <v>4</v>
      </c>
      <c r="AI11" s="46">
        <v>1094.0160000000001</v>
      </c>
      <c r="AJ11" s="16">
        <v>8</v>
      </c>
    </row>
    <row r="12" spans="1:36" ht="14.1" customHeight="1" x14ac:dyDescent="0.15">
      <c r="A12" s="17">
        <v>7</v>
      </c>
      <c r="B12" s="12" t="s">
        <v>16</v>
      </c>
      <c r="C12" s="46">
        <v>23.042000000000002</v>
      </c>
      <c r="D12" s="13">
        <v>9</v>
      </c>
      <c r="E12" s="46">
        <v>18.484999999999999</v>
      </c>
      <c r="F12" s="13">
        <v>22</v>
      </c>
      <c r="G12" s="46">
        <v>30.779</v>
      </c>
      <c r="H12" s="13">
        <v>7</v>
      </c>
      <c r="I12" s="46">
        <v>22.939</v>
      </c>
      <c r="J12" s="14">
        <v>9</v>
      </c>
      <c r="K12" s="46">
        <v>862.99199999999996</v>
      </c>
      <c r="L12" s="13">
        <v>10</v>
      </c>
      <c r="M12" s="46">
        <v>925.87900000000002</v>
      </c>
      <c r="N12" s="13">
        <v>19</v>
      </c>
      <c r="O12" s="46">
        <v>1222.934</v>
      </c>
      <c r="P12" s="13">
        <v>8</v>
      </c>
      <c r="Q12" s="46">
        <v>864.41499999999996</v>
      </c>
      <c r="R12" s="14">
        <v>10</v>
      </c>
      <c r="S12" s="17">
        <v>7</v>
      </c>
      <c r="T12" s="13" t="s">
        <v>16</v>
      </c>
      <c r="U12" s="46">
        <v>194.98</v>
      </c>
      <c r="V12" s="13">
        <v>16</v>
      </c>
      <c r="W12" s="46">
        <v>233.00299999999999</v>
      </c>
      <c r="X12" s="13">
        <v>15</v>
      </c>
      <c r="Y12" s="46">
        <v>246.09899999999999</v>
      </c>
      <c r="Z12" s="13">
        <v>21</v>
      </c>
      <c r="AA12" s="46">
        <v>195.84</v>
      </c>
      <c r="AB12" s="14">
        <v>15</v>
      </c>
      <c r="AC12" s="46">
        <v>1081.0139999999999</v>
      </c>
      <c r="AD12" s="13">
        <v>11</v>
      </c>
      <c r="AE12" s="46">
        <v>1177.367</v>
      </c>
      <c r="AF12" s="13">
        <v>18</v>
      </c>
      <c r="AG12" s="46">
        <v>1499.8119999999999</v>
      </c>
      <c r="AH12" s="15">
        <v>11</v>
      </c>
      <c r="AI12" s="46">
        <v>1083.194</v>
      </c>
      <c r="AJ12" s="16">
        <v>11</v>
      </c>
    </row>
    <row r="13" spans="1:36" ht="14.1" customHeight="1" x14ac:dyDescent="0.15">
      <c r="A13" s="17">
        <v>8</v>
      </c>
      <c r="B13" s="12" t="s">
        <v>17</v>
      </c>
      <c r="C13" s="46">
        <v>19.105</v>
      </c>
      <c r="D13" s="13">
        <v>27</v>
      </c>
      <c r="E13" s="46">
        <v>16.545999999999999</v>
      </c>
      <c r="F13" s="13">
        <v>26</v>
      </c>
      <c r="G13" s="46">
        <v>27.13</v>
      </c>
      <c r="H13" s="13">
        <v>28</v>
      </c>
      <c r="I13" s="46">
        <v>19.044</v>
      </c>
      <c r="J13" s="14">
        <v>28</v>
      </c>
      <c r="K13" s="46">
        <v>824.65499999999997</v>
      </c>
      <c r="L13" s="13">
        <v>16</v>
      </c>
      <c r="M13" s="46">
        <v>889.74</v>
      </c>
      <c r="N13" s="13">
        <v>22</v>
      </c>
      <c r="O13" s="46">
        <v>1170.595</v>
      </c>
      <c r="P13" s="13">
        <v>15</v>
      </c>
      <c r="Q13" s="46">
        <v>826.202</v>
      </c>
      <c r="R13" s="14">
        <v>16</v>
      </c>
      <c r="S13" s="17">
        <v>8</v>
      </c>
      <c r="T13" s="13" t="s">
        <v>17</v>
      </c>
      <c r="U13" s="46">
        <v>203.95699999999999</v>
      </c>
      <c r="V13" s="13">
        <v>10</v>
      </c>
      <c r="W13" s="46">
        <v>231.864</v>
      </c>
      <c r="X13" s="13">
        <v>17</v>
      </c>
      <c r="Y13" s="46">
        <v>266.36399999999998</v>
      </c>
      <c r="Z13" s="13">
        <v>9</v>
      </c>
      <c r="AA13" s="46">
        <v>204.62100000000001</v>
      </c>
      <c r="AB13" s="14">
        <v>10</v>
      </c>
      <c r="AC13" s="46">
        <v>1047.7170000000001</v>
      </c>
      <c r="AD13" s="13">
        <v>14</v>
      </c>
      <c r="AE13" s="46">
        <v>1138.1500000000001</v>
      </c>
      <c r="AF13" s="13">
        <v>22</v>
      </c>
      <c r="AG13" s="46">
        <v>1464.0889999999999</v>
      </c>
      <c r="AH13" s="15">
        <v>14</v>
      </c>
      <c r="AI13" s="46">
        <v>1049.867</v>
      </c>
      <c r="AJ13" s="16">
        <v>14</v>
      </c>
    </row>
    <row r="14" spans="1:36" ht="14.1" customHeight="1" x14ac:dyDescent="0.15">
      <c r="A14" s="17">
        <v>9</v>
      </c>
      <c r="B14" s="12" t="s">
        <v>18</v>
      </c>
      <c r="C14" s="46">
        <v>19.536999999999999</v>
      </c>
      <c r="D14" s="13">
        <v>23</v>
      </c>
      <c r="E14" s="46">
        <v>21.481000000000002</v>
      </c>
      <c r="F14" s="13">
        <v>16</v>
      </c>
      <c r="G14" s="46">
        <v>28.167999999999999</v>
      </c>
      <c r="H14" s="13">
        <v>21</v>
      </c>
      <c r="I14" s="46">
        <v>19.571000000000002</v>
      </c>
      <c r="J14" s="14">
        <v>23</v>
      </c>
      <c r="K14" s="46">
        <v>890.00300000000004</v>
      </c>
      <c r="L14" s="13">
        <v>4</v>
      </c>
      <c r="M14" s="46">
        <v>1026.296</v>
      </c>
      <c r="N14" s="13">
        <v>2</v>
      </c>
      <c r="O14" s="46">
        <v>1249.604</v>
      </c>
      <c r="P14" s="13">
        <v>5</v>
      </c>
      <c r="Q14" s="46">
        <v>892.39499999999998</v>
      </c>
      <c r="R14" s="14">
        <v>4</v>
      </c>
      <c r="S14" s="17">
        <v>9</v>
      </c>
      <c r="T14" s="13" t="s">
        <v>18</v>
      </c>
      <c r="U14" s="46">
        <v>216.024</v>
      </c>
      <c r="V14" s="13">
        <v>3</v>
      </c>
      <c r="W14" s="46">
        <v>233.70400000000001</v>
      </c>
      <c r="X14" s="13">
        <v>14</v>
      </c>
      <c r="Y14" s="46">
        <v>501.40600000000001</v>
      </c>
      <c r="Z14" s="13">
        <v>1</v>
      </c>
      <c r="AA14" s="46">
        <v>216.334</v>
      </c>
      <c r="AB14" s="14">
        <v>3</v>
      </c>
      <c r="AC14" s="46">
        <v>1125.5640000000001</v>
      </c>
      <c r="AD14" s="13">
        <v>4</v>
      </c>
      <c r="AE14" s="46">
        <v>1281.481</v>
      </c>
      <c r="AF14" s="13">
        <v>3</v>
      </c>
      <c r="AG14" s="46">
        <v>1779.1769999999999</v>
      </c>
      <c r="AH14" s="15">
        <v>1</v>
      </c>
      <c r="AI14" s="46">
        <v>1128.3</v>
      </c>
      <c r="AJ14" s="16">
        <v>4</v>
      </c>
    </row>
    <row r="15" spans="1:36" ht="14.1" customHeight="1" x14ac:dyDescent="0.15">
      <c r="A15" s="17">
        <v>10</v>
      </c>
      <c r="B15" s="12" t="s">
        <v>19</v>
      </c>
      <c r="C15" s="46">
        <v>19.815000000000001</v>
      </c>
      <c r="D15" s="13">
        <v>21</v>
      </c>
      <c r="E15" s="46">
        <v>23.978000000000002</v>
      </c>
      <c r="F15" s="13">
        <v>9</v>
      </c>
      <c r="G15" s="46">
        <v>29.152000000000001</v>
      </c>
      <c r="H15" s="13">
        <v>17</v>
      </c>
      <c r="I15" s="46">
        <v>19.881</v>
      </c>
      <c r="J15" s="14">
        <v>21</v>
      </c>
      <c r="K15" s="46">
        <v>782.99599999999998</v>
      </c>
      <c r="L15" s="13">
        <v>32</v>
      </c>
      <c r="M15" s="46">
        <v>934.34699999999998</v>
      </c>
      <c r="N15" s="13">
        <v>16</v>
      </c>
      <c r="O15" s="46">
        <v>1141.93</v>
      </c>
      <c r="P15" s="13">
        <v>20</v>
      </c>
      <c r="Q15" s="46">
        <v>785.38300000000004</v>
      </c>
      <c r="R15" s="14">
        <v>31</v>
      </c>
      <c r="S15" s="17">
        <v>10</v>
      </c>
      <c r="T15" s="13" t="s">
        <v>19</v>
      </c>
      <c r="U15" s="46">
        <v>184.72800000000001</v>
      </c>
      <c r="V15" s="13">
        <v>23</v>
      </c>
      <c r="W15" s="46">
        <v>220.26300000000001</v>
      </c>
      <c r="X15" s="13">
        <v>21</v>
      </c>
      <c r="Y15" s="46">
        <v>248.09200000000001</v>
      </c>
      <c r="Z15" s="13">
        <v>19</v>
      </c>
      <c r="AA15" s="46">
        <v>185.28899999999999</v>
      </c>
      <c r="AB15" s="14">
        <v>24</v>
      </c>
      <c r="AC15" s="46">
        <v>987.53899999999999</v>
      </c>
      <c r="AD15" s="13">
        <v>30</v>
      </c>
      <c r="AE15" s="46">
        <v>1178.588</v>
      </c>
      <c r="AF15" s="13">
        <v>17</v>
      </c>
      <c r="AG15" s="46">
        <v>1419.174</v>
      </c>
      <c r="AH15" s="15">
        <v>19</v>
      </c>
      <c r="AI15" s="46">
        <v>990.553</v>
      </c>
      <c r="AJ15" s="16">
        <v>30</v>
      </c>
    </row>
    <row r="16" spans="1:36" ht="14.1" customHeight="1" x14ac:dyDescent="0.15">
      <c r="A16" s="17">
        <v>11</v>
      </c>
      <c r="B16" s="12" t="s">
        <v>20</v>
      </c>
      <c r="C16" s="46">
        <v>21.503</v>
      </c>
      <c r="D16" s="13">
        <v>14</v>
      </c>
      <c r="E16" s="46">
        <v>21.542999999999999</v>
      </c>
      <c r="F16" s="13">
        <v>14</v>
      </c>
      <c r="G16" s="46">
        <v>30.048999999999999</v>
      </c>
      <c r="H16" s="13">
        <v>11</v>
      </c>
      <c r="I16" s="46">
        <v>21.504000000000001</v>
      </c>
      <c r="J16" s="14">
        <v>14</v>
      </c>
      <c r="K16" s="46">
        <v>832.79600000000005</v>
      </c>
      <c r="L16" s="13">
        <v>14</v>
      </c>
      <c r="M16" s="46">
        <v>1054.2550000000001</v>
      </c>
      <c r="N16" s="13">
        <v>1</v>
      </c>
      <c r="O16" s="46">
        <v>1171.277</v>
      </c>
      <c r="P16" s="13">
        <v>14</v>
      </c>
      <c r="Q16" s="46">
        <v>838.09900000000005</v>
      </c>
      <c r="R16" s="14">
        <v>13</v>
      </c>
      <c r="S16" s="17">
        <v>11</v>
      </c>
      <c r="T16" s="13" t="s">
        <v>20</v>
      </c>
      <c r="U16" s="46">
        <v>178.399</v>
      </c>
      <c r="V16" s="13">
        <v>28</v>
      </c>
      <c r="W16" s="46">
        <v>225.53200000000001</v>
      </c>
      <c r="X16" s="13">
        <v>20</v>
      </c>
      <c r="Y16" s="46">
        <v>225.67500000000001</v>
      </c>
      <c r="Z16" s="13">
        <v>27</v>
      </c>
      <c r="AA16" s="46">
        <v>179.52799999999999</v>
      </c>
      <c r="AB16" s="14">
        <v>28</v>
      </c>
      <c r="AC16" s="46">
        <v>1032.6980000000001</v>
      </c>
      <c r="AD16" s="13">
        <v>16</v>
      </c>
      <c r="AE16" s="46">
        <v>1301.33</v>
      </c>
      <c r="AF16" s="13">
        <v>1</v>
      </c>
      <c r="AG16" s="46">
        <v>1427.001</v>
      </c>
      <c r="AH16" s="15">
        <v>18</v>
      </c>
      <c r="AI16" s="46">
        <v>1039.1300000000001</v>
      </c>
      <c r="AJ16" s="16">
        <v>16</v>
      </c>
    </row>
    <row r="17" spans="1:36" ht="14.1" customHeight="1" x14ac:dyDescent="0.15">
      <c r="A17" s="17">
        <v>12</v>
      </c>
      <c r="B17" s="12" t="s">
        <v>21</v>
      </c>
      <c r="C17" s="46">
        <v>22.106999999999999</v>
      </c>
      <c r="D17" s="13">
        <v>12</v>
      </c>
      <c r="E17" s="46">
        <v>21.460999999999999</v>
      </c>
      <c r="F17" s="13">
        <v>17</v>
      </c>
      <c r="G17" s="46">
        <v>29.042999999999999</v>
      </c>
      <c r="H17" s="13">
        <v>18</v>
      </c>
      <c r="I17" s="46">
        <v>22.088000000000001</v>
      </c>
      <c r="J17" s="14">
        <v>12</v>
      </c>
      <c r="K17" s="46">
        <v>821.83199999999999</v>
      </c>
      <c r="L17" s="13">
        <v>17</v>
      </c>
      <c r="M17" s="46">
        <v>831.17499999999995</v>
      </c>
      <c r="N17" s="13">
        <v>28</v>
      </c>
      <c r="O17" s="46">
        <v>1117.9639999999999</v>
      </c>
      <c r="P17" s="13">
        <v>25</v>
      </c>
      <c r="Q17" s="46">
        <v>822.11</v>
      </c>
      <c r="R17" s="14">
        <v>18</v>
      </c>
      <c r="S17" s="17">
        <v>12</v>
      </c>
      <c r="T17" s="13" t="s">
        <v>21</v>
      </c>
      <c r="U17" s="46">
        <v>183.50800000000001</v>
      </c>
      <c r="V17" s="13">
        <v>26</v>
      </c>
      <c r="W17" s="46">
        <v>200.97900000000001</v>
      </c>
      <c r="X17" s="13">
        <v>28</v>
      </c>
      <c r="Y17" s="46">
        <v>229.14699999999999</v>
      </c>
      <c r="Z17" s="13">
        <v>26</v>
      </c>
      <c r="AA17" s="46">
        <v>184.029</v>
      </c>
      <c r="AB17" s="14">
        <v>26</v>
      </c>
      <c r="AC17" s="46">
        <v>1027.4469999999999</v>
      </c>
      <c r="AD17" s="13">
        <v>19</v>
      </c>
      <c r="AE17" s="46">
        <v>1053.614</v>
      </c>
      <c r="AF17" s="13">
        <v>28</v>
      </c>
      <c r="AG17" s="46">
        <v>1376.154</v>
      </c>
      <c r="AH17" s="15">
        <v>24</v>
      </c>
      <c r="AI17" s="46">
        <v>1028.2270000000001</v>
      </c>
      <c r="AJ17" s="16">
        <v>19</v>
      </c>
    </row>
    <row r="18" spans="1:36" ht="14.1" customHeight="1" x14ac:dyDescent="0.15">
      <c r="A18" s="17">
        <v>13</v>
      </c>
      <c r="B18" s="12" t="s">
        <v>22</v>
      </c>
      <c r="C18" s="46">
        <v>20.516999999999999</v>
      </c>
      <c r="D18" s="13">
        <v>18</v>
      </c>
      <c r="E18" s="46">
        <v>19.439</v>
      </c>
      <c r="F18" s="13">
        <v>20</v>
      </c>
      <c r="G18" s="46">
        <v>30.17</v>
      </c>
      <c r="H18" s="13">
        <v>10</v>
      </c>
      <c r="I18" s="46">
        <v>20.49</v>
      </c>
      <c r="J18" s="14">
        <v>19</v>
      </c>
      <c r="K18" s="46">
        <v>793.45</v>
      </c>
      <c r="L18" s="13">
        <v>28</v>
      </c>
      <c r="M18" s="46">
        <v>870.36300000000006</v>
      </c>
      <c r="N18" s="13">
        <v>26</v>
      </c>
      <c r="O18" s="46">
        <v>1130.4380000000001</v>
      </c>
      <c r="P18" s="13">
        <v>22</v>
      </c>
      <c r="Q18" s="46">
        <v>795.32299999999998</v>
      </c>
      <c r="R18" s="14">
        <v>28</v>
      </c>
      <c r="S18" s="17">
        <v>13</v>
      </c>
      <c r="T18" s="13" t="s">
        <v>22</v>
      </c>
      <c r="U18" s="46">
        <v>182.17099999999999</v>
      </c>
      <c r="V18" s="13">
        <v>27</v>
      </c>
      <c r="W18" s="46">
        <v>208.83</v>
      </c>
      <c r="X18" s="13">
        <v>26</v>
      </c>
      <c r="Y18" s="46">
        <v>241.898</v>
      </c>
      <c r="Z18" s="13">
        <v>23</v>
      </c>
      <c r="AA18" s="46">
        <v>182.82</v>
      </c>
      <c r="AB18" s="14">
        <v>27</v>
      </c>
      <c r="AC18" s="46">
        <v>996.13800000000003</v>
      </c>
      <c r="AD18" s="13">
        <v>28</v>
      </c>
      <c r="AE18" s="46">
        <v>1098.6310000000001</v>
      </c>
      <c r="AF18" s="13">
        <v>26</v>
      </c>
      <c r="AG18" s="46">
        <v>1402.5060000000001</v>
      </c>
      <c r="AH18" s="15">
        <v>21</v>
      </c>
      <c r="AI18" s="46">
        <v>998.63300000000004</v>
      </c>
      <c r="AJ18" s="16">
        <v>28</v>
      </c>
    </row>
    <row r="19" spans="1:36" ht="14.1" customHeight="1" x14ac:dyDescent="0.15">
      <c r="A19" s="17">
        <v>14</v>
      </c>
      <c r="B19" s="12" t="s">
        <v>23</v>
      </c>
      <c r="C19" s="46">
        <v>18.850999999999999</v>
      </c>
      <c r="D19" s="13">
        <v>29</v>
      </c>
      <c r="E19" s="46">
        <v>17.664999999999999</v>
      </c>
      <c r="F19" s="13">
        <v>23</v>
      </c>
      <c r="G19" s="46">
        <v>28.242999999999999</v>
      </c>
      <c r="H19" s="13">
        <v>20</v>
      </c>
      <c r="I19" s="46">
        <v>18.831</v>
      </c>
      <c r="J19" s="14">
        <v>29</v>
      </c>
      <c r="K19" s="46">
        <v>795.58799999999997</v>
      </c>
      <c r="L19" s="13">
        <v>27</v>
      </c>
      <c r="M19" s="46">
        <v>939.56600000000003</v>
      </c>
      <c r="N19" s="13">
        <v>14</v>
      </c>
      <c r="O19" s="46">
        <v>1181.9480000000001</v>
      </c>
      <c r="P19" s="13">
        <v>12</v>
      </c>
      <c r="Q19" s="46">
        <v>797.92600000000004</v>
      </c>
      <c r="R19" s="14">
        <v>26</v>
      </c>
      <c r="S19" s="17">
        <v>14</v>
      </c>
      <c r="T19" s="13" t="s">
        <v>23</v>
      </c>
      <c r="U19" s="46">
        <v>188.75800000000001</v>
      </c>
      <c r="V19" s="13">
        <v>19</v>
      </c>
      <c r="W19" s="46">
        <v>242.35499999999999</v>
      </c>
      <c r="X19" s="13">
        <v>11</v>
      </c>
      <c r="Y19" s="46">
        <v>255.22499999999999</v>
      </c>
      <c r="Z19" s="13">
        <v>16</v>
      </c>
      <c r="AA19" s="46">
        <v>189.62799999999999</v>
      </c>
      <c r="AB19" s="14">
        <v>19</v>
      </c>
      <c r="AC19" s="46">
        <v>1003.196</v>
      </c>
      <c r="AD19" s="13">
        <v>25</v>
      </c>
      <c r="AE19" s="46">
        <v>1199.587</v>
      </c>
      <c r="AF19" s="13">
        <v>13</v>
      </c>
      <c r="AG19" s="46">
        <v>1465.4159999999999</v>
      </c>
      <c r="AH19" s="15">
        <v>13</v>
      </c>
      <c r="AI19" s="46">
        <v>1006.386</v>
      </c>
      <c r="AJ19" s="16">
        <v>25</v>
      </c>
    </row>
    <row r="20" spans="1:36" ht="14.1" customHeight="1" x14ac:dyDescent="0.15">
      <c r="A20" s="17">
        <v>15</v>
      </c>
      <c r="B20" s="12" t="s">
        <v>24</v>
      </c>
      <c r="C20" s="46">
        <v>21.667000000000002</v>
      </c>
      <c r="D20" s="13">
        <v>13</v>
      </c>
      <c r="E20" s="46">
        <v>16.382000000000001</v>
      </c>
      <c r="F20" s="13">
        <v>27</v>
      </c>
      <c r="G20" s="46">
        <v>29.257999999999999</v>
      </c>
      <c r="H20" s="13">
        <v>16</v>
      </c>
      <c r="I20" s="46">
        <v>21.516999999999999</v>
      </c>
      <c r="J20" s="14">
        <v>13</v>
      </c>
      <c r="K20" s="46">
        <v>784.04100000000005</v>
      </c>
      <c r="L20" s="13">
        <v>31</v>
      </c>
      <c r="M20" s="46">
        <v>801.85199999999998</v>
      </c>
      <c r="N20" s="13">
        <v>30</v>
      </c>
      <c r="O20" s="46">
        <v>1093.454</v>
      </c>
      <c r="P20" s="13">
        <v>29</v>
      </c>
      <c r="Q20" s="46">
        <v>784.54700000000003</v>
      </c>
      <c r="R20" s="14">
        <v>32</v>
      </c>
      <c r="S20" s="17">
        <v>15</v>
      </c>
      <c r="T20" s="13" t="s">
        <v>24</v>
      </c>
      <c r="U20" s="46">
        <v>195.369</v>
      </c>
      <c r="V20" s="13">
        <v>14</v>
      </c>
      <c r="W20" s="46">
        <v>216.239</v>
      </c>
      <c r="X20" s="13">
        <v>23</v>
      </c>
      <c r="Y20" s="46">
        <v>249.19499999999999</v>
      </c>
      <c r="Z20" s="13">
        <v>17</v>
      </c>
      <c r="AA20" s="46">
        <v>195.96299999999999</v>
      </c>
      <c r="AB20" s="14">
        <v>14</v>
      </c>
      <c r="AC20" s="46">
        <v>1001.076</v>
      </c>
      <c r="AD20" s="13">
        <v>26</v>
      </c>
      <c r="AE20" s="46">
        <v>1034.473</v>
      </c>
      <c r="AF20" s="13">
        <v>30</v>
      </c>
      <c r="AG20" s="46">
        <v>1371.9059999999999</v>
      </c>
      <c r="AH20" s="15">
        <v>25</v>
      </c>
      <c r="AI20" s="46">
        <v>1002.027</v>
      </c>
      <c r="AJ20" s="16">
        <v>27</v>
      </c>
    </row>
    <row r="21" spans="1:36" ht="14.1" customHeight="1" x14ac:dyDescent="0.15">
      <c r="A21" s="17">
        <v>16</v>
      </c>
      <c r="B21" s="12" t="s">
        <v>25</v>
      </c>
      <c r="C21" s="46">
        <v>18.387</v>
      </c>
      <c r="D21" s="13">
        <v>32</v>
      </c>
      <c r="E21" s="46">
        <v>21.036999999999999</v>
      </c>
      <c r="F21" s="13">
        <v>18</v>
      </c>
      <c r="G21" s="46">
        <v>25.242999999999999</v>
      </c>
      <c r="H21" s="13">
        <v>32</v>
      </c>
      <c r="I21" s="46">
        <v>18.440999999999999</v>
      </c>
      <c r="J21" s="14">
        <v>32</v>
      </c>
      <c r="K21" s="46">
        <v>789.1</v>
      </c>
      <c r="L21" s="13">
        <v>29</v>
      </c>
      <c r="M21" s="46">
        <v>874.39</v>
      </c>
      <c r="N21" s="13">
        <v>24</v>
      </c>
      <c r="O21" s="46">
        <v>1107.056</v>
      </c>
      <c r="P21" s="13">
        <v>28</v>
      </c>
      <c r="Q21" s="46">
        <v>790.83500000000004</v>
      </c>
      <c r="R21" s="14">
        <v>29</v>
      </c>
      <c r="S21" s="17">
        <v>16</v>
      </c>
      <c r="T21" s="13" t="s">
        <v>25</v>
      </c>
      <c r="U21" s="46">
        <v>184.25399999999999</v>
      </c>
      <c r="V21" s="13">
        <v>24</v>
      </c>
      <c r="W21" s="46">
        <v>234.45099999999999</v>
      </c>
      <c r="X21" s="13">
        <v>13</v>
      </c>
      <c r="Y21" s="46">
        <v>239.07900000000001</v>
      </c>
      <c r="Z21" s="13">
        <v>24</v>
      </c>
      <c r="AA21" s="46">
        <v>185.27600000000001</v>
      </c>
      <c r="AB21" s="14">
        <v>25</v>
      </c>
      <c r="AC21" s="46">
        <v>991.74099999999999</v>
      </c>
      <c r="AD21" s="13">
        <v>29</v>
      </c>
      <c r="AE21" s="46">
        <v>1129.8779999999999</v>
      </c>
      <c r="AF21" s="13">
        <v>23</v>
      </c>
      <c r="AG21" s="46">
        <v>1371.3779999999999</v>
      </c>
      <c r="AH21" s="15">
        <v>26</v>
      </c>
      <c r="AI21" s="46">
        <v>994.55200000000002</v>
      </c>
      <c r="AJ21" s="16">
        <v>29</v>
      </c>
    </row>
    <row r="22" spans="1:36" ht="14.1" customHeight="1" x14ac:dyDescent="0.15">
      <c r="A22" s="17">
        <v>17</v>
      </c>
      <c r="B22" s="12" t="s">
        <v>26</v>
      </c>
      <c r="C22" s="46">
        <v>19.57</v>
      </c>
      <c r="D22" s="13">
        <v>22</v>
      </c>
      <c r="E22" s="46">
        <v>24.696000000000002</v>
      </c>
      <c r="F22" s="13">
        <v>6</v>
      </c>
      <c r="G22" s="46">
        <v>27.731000000000002</v>
      </c>
      <c r="H22" s="13">
        <v>24</v>
      </c>
      <c r="I22" s="46">
        <v>19.693999999999999</v>
      </c>
      <c r="J22" s="14">
        <v>22</v>
      </c>
      <c r="K22" s="46">
        <v>784.23800000000006</v>
      </c>
      <c r="L22" s="13">
        <v>30</v>
      </c>
      <c r="M22" s="46">
        <v>919.70799999999997</v>
      </c>
      <c r="N22" s="13">
        <v>20</v>
      </c>
      <c r="O22" s="46">
        <v>1153.473</v>
      </c>
      <c r="P22" s="13">
        <v>17</v>
      </c>
      <c r="Q22" s="46">
        <v>787.51700000000005</v>
      </c>
      <c r="R22" s="14">
        <v>30</v>
      </c>
      <c r="S22" s="17">
        <v>17</v>
      </c>
      <c r="T22" s="13" t="s">
        <v>26</v>
      </c>
      <c r="U22" s="46">
        <v>195.33199999999999</v>
      </c>
      <c r="V22" s="13">
        <v>15</v>
      </c>
      <c r="W22" s="46">
        <v>216.05799999999999</v>
      </c>
      <c r="X22" s="13">
        <v>24</v>
      </c>
      <c r="Y22" s="46">
        <v>265.30900000000003</v>
      </c>
      <c r="Z22" s="13">
        <v>10</v>
      </c>
      <c r="AA22" s="46">
        <v>195.833</v>
      </c>
      <c r="AB22" s="14">
        <v>16</v>
      </c>
      <c r="AC22" s="46">
        <v>999.14</v>
      </c>
      <c r="AD22" s="13">
        <v>27</v>
      </c>
      <c r="AE22" s="46">
        <v>1160.462</v>
      </c>
      <c r="AF22" s="13">
        <v>19</v>
      </c>
      <c r="AG22" s="46">
        <v>1446.5119999999999</v>
      </c>
      <c r="AH22" s="15">
        <v>16</v>
      </c>
      <c r="AI22" s="46">
        <v>1003.045</v>
      </c>
      <c r="AJ22" s="16">
        <v>26</v>
      </c>
    </row>
    <row r="23" spans="1:36" ht="14.1" customHeight="1" x14ac:dyDescent="0.15">
      <c r="A23" s="17">
        <v>18</v>
      </c>
      <c r="B23" s="12" t="s">
        <v>27</v>
      </c>
      <c r="C23" s="46">
        <v>22.824999999999999</v>
      </c>
      <c r="D23" s="13">
        <v>11</v>
      </c>
      <c r="E23" s="46">
        <v>23.684000000000001</v>
      </c>
      <c r="F23" s="13">
        <v>10</v>
      </c>
      <c r="G23" s="46">
        <v>30.456</v>
      </c>
      <c r="H23" s="13">
        <v>8</v>
      </c>
      <c r="I23" s="46">
        <v>22.85</v>
      </c>
      <c r="J23" s="14">
        <v>10</v>
      </c>
      <c r="K23" s="46">
        <v>872.279</v>
      </c>
      <c r="L23" s="13">
        <v>6</v>
      </c>
      <c r="M23" s="46">
        <v>935.52599999999995</v>
      </c>
      <c r="N23" s="13">
        <v>15</v>
      </c>
      <c r="O23" s="46">
        <v>1222.5809999999999</v>
      </c>
      <c r="P23" s="13">
        <v>9</v>
      </c>
      <c r="Q23" s="46">
        <v>874.13199999999995</v>
      </c>
      <c r="R23" s="14">
        <v>6</v>
      </c>
      <c r="S23" s="17">
        <v>18</v>
      </c>
      <c r="T23" s="13" t="s">
        <v>27</v>
      </c>
      <c r="U23" s="46">
        <v>207.00200000000001</v>
      </c>
      <c r="V23" s="13">
        <v>9</v>
      </c>
      <c r="W23" s="46">
        <v>244.07900000000001</v>
      </c>
      <c r="X23" s="13">
        <v>9</v>
      </c>
      <c r="Y23" s="46">
        <v>267.67899999999997</v>
      </c>
      <c r="Z23" s="13">
        <v>7</v>
      </c>
      <c r="AA23" s="46">
        <v>208.089</v>
      </c>
      <c r="AB23" s="14">
        <v>7</v>
      </c>
      <c r="AC23" s="46">
        <v>1102.106</v>
      </c>
      <c r="AD23" s="13">
        <v>7</v>
      </c>
      <c r="AE23" s="46">
        <v>1203.289</v>
      </c>
      <c r="AF23" s="13">
        <v>12</v>
      </c>
      <c r="AG23" s="46">
        <v>1520.7159999999999</v>
      </c>
      <c r="AH23" s="15">
        <v>9</v>
      </c>
      <c r="AI23" s="46">
        <v>1105.0709999999999</v>
      </c>
      <c r="AJ23" s="16">
        <v>7</v>
      </c>
    </row>
    <row r="24" spans="1:36" ht="14.1" customHeight="1" thickBot="1" x14ac:dyDescent="0.2">
      <c r="A24" s="18">
        <v>21</v>
      </c>
      <c r="B24" s="19" t="s">
        <v>28</v>
      </c>
      <c r="C24" s="47">
        <v>19.172999999999998</v>
      </c>
      <c r="D24" s="20">
        <v>26</v>
      </c>
      <c r="E24" s="47">
        <v>16.135000000000002</v>
      </c>
      <c r="F24" s="20">
        <v>29</v>
      </c>
      <c r="G24" s="47">
        <v>27.382000000000001</v>
      </c>
      <c r="H24" s="20">
        <v>26</v>
      </c>
      <c r="I24" s="47">
        <v>19.102</v>
      </c>
      <c r="J24" s="21">
        <v>27</v>
      </c>
      <c r="K24" s="47">
        <v>748.96</v>
      </c>
      <c r="L24" s="20">
        <v>33</v>
      </c>
      <c r="M24" s="47">
        <v>797.51800000000003</v>
      </c>
      <c r="N24" s="20">
        <v>31</v>
      </c>
      <c r="O24" s="47">
        <v>1062.674</v>
      </c>
      <c r="P24" s="20">
        <v>33</v>
      </c>
      <c r="Q24" s="48">
        <v>750.09500000000003</v>
      </c>
      <c r="R24" s="21">
        <v>33</v>
      </c>
      <c r="S24" s="18">
        <v>21</v>
      </c>
      <c r="T24" s="20" t="s">
        <v>28</v>
      </c>
      <c r="U24" s="47">
        <v>192.26</v>
      </c>
      <c r="V24" s="20">
        <v>18</v>
      </c>
      <c r="W24" s="47">
        <v>202.30500000000001</v>
      </c>
      <c r="X24" s="20">
        <v>27</v>
      </c>
      <c r="Y24" s="47">
        <v>257.58199999999999</v>
      </c>
      <c r="Z24" s="20">
        <v>15</v>
      </c>
      <c r="AA24" s="48">
        <v>192.495</v>
      </c>
      <c r="AB24" s="21">
        <v>18</v>
      </c>
      <c r="AC24" s="47">
        <v>960.39300000000003</v>
      </c>
      <c r="AD24" s="20">
        <v>33</v>
      </c>
      <c r="AE24" s="47">
        <v>1015.957</v>
      </c>
      <c r="AF24" s="20">
        <v>31</v>
      </c>
      <c r="AG24" s="47">
        <v>1347.6379999999999</v>
      </c>
      <c r="AH24" s="22">
        <v>31</v>
      </c>
      <c r="AI24" s="48">
        <v>961.69299999999998</v>
      </c>
      <c r="AJ24" s="23">
        <v>33</v>
      </c>
    </row>
    <row r="25" spans="1:36" ht="14.1" customHeight="1" thickTop="1" x14ac:dyDescent="0.15">
      <c r="A25" s="11">
        <v>19</v>
      </c>
      <c r="B25" s="24" t="s">
        <v>29</v>
      </c>
      <c r="C25" s="46">
        <v>16.254999999999999</v>
      </c>
      <c r="D25" s="13">
        <v>33</v>
      </c>
      <c r="E25" s="46">
        <v>24.26</v>
      </c>
      <c r="F25" s="13">
        <v>8</v>
      </c>
      <c r="G25" s="46">
        <v>23.922999999999998</v>
      </c>
      <c r="H25" s="13">
        <v>33</v>
      </c>
      <c r="I25" s="49">
        <v>16.401</v>
      </c>
      <c r="J25" s="14">
        <v>33</v>
      </c>
      <c r="K25" s="46">
        <v>840.69200000000001</v>
      </c>
      <c r="L25" s="13">
        <v>12</v>
      </c>
      <c r="M25" s="46">
        <v>984.61500000000001</v>
      </c>
      <c r="N25" s="13">
        <v>6</v>
      </c>
      <c r="O25" s="46">
        <v>1247.1289999999999</v>
      </c>
      <c r="P25" s="13">
        <v>6</v>
      </c>
      <c r="Q25" s="50">
        <v>843.31500000000005</v>
      </c>
      <c r="R25" s="14">
        <v>12</v>
      </c>
      <c r="S25" s="11">
        <v>19</v>
      </c>
      <c r="T25" s="25" t="s">
        <v>29</v>
      </c>
      <c r="U25" s="46">
        <v>207.875</v>
      </c>
      <c r="V25" s="13">
        <v>7</v>
      </c>
      <c r="W25" s="46">
        <v>255.62100000000001</v>
      </c>
      <c r="X25" s="13">
        <v>5</v>
      </c>
      <c r="Y25" s="46">
        <v>260.952</v>
      </c>
      <c r="Z25" s="13">
        <v>14</v>
      </c>
      <c r="AA25" s="50">
        <v>208.745</v>
      </c>
      <c r="AB25" s="14">
        <v>5</v>
      </c>
      <c r="AC25" s="46">
        <v>1064.8219999999999</v>
      </c>
      <c r="AD25" s="13">
        <v>12</v>
      </c>
      <c r="AE25" s="46">
        <v>1264.4970000000001</v>
      </c>
      <c r="AF25" s="13">
        <v>5</v>
      </c>
      <c r="AG25" s="46">
        <v>1532.0039999999999</v>
      </c>
      <c r="AH25" s="15">
        <v>6</v>
      </c>
      <c r="AI25" s="50">
        <v>1068.46</v>
      </c>
      <c r="AJ25" s="16">
        <v>12</v>
      </c>
    </row>
    <row r="26" spans="1:36" ht="14.1" customHeight="1" x14ac:dyDescent="0.15">
      <c r="A26" s="17">
        <v>20</v>
      </c>
      <c r="B26" s="12" t="s">
        <v>30</v>
      </c>
      <c r="C26" s="46">
        <v>22.969000000000001</v>
      </c>
      <c r="D26" s="13">
        <v>10</v>
      </c>
      <c r="E26" s="46">
        <v>17.324999999999999</v>
      </c>
      <c r="F26" s="13">
        <v>25</v>
      </c>
      <c r="G26" s="46">
        <v>31.885999999999999</v>
      </c>
      <c r="H26" s="13">
        <v>5</v>
      </c>
      <c r="I26" s="46">
        <v>22.821000000000002</v>
      </c>
      <c r="J26" s="14">
        <v>11</v>
      </c>
      <c r="K26" s="46">
        <v>803.221</v>
      </c>
      <c r="L26" s="13">
        <v>24</v>
      </c>
      <c r="M26" s="46">
        <v>868.69299999999998</v>
      </c>
      <c r="N26" s="13">
        <v>27</v>
      </c>
      <c r="O26" s="46">
        <v>1090.018</v>
      </c>
      <c r="P26" s="13">
        <v>30</v>
      </c>
      <c r="Q26" s="46">
        <v>804.93499999999995</v>
      </c>
      <c r="R26" s="14">
        <v>24</v>
      </c>
      <c r="S26" s="17">
        <v>20</v>
      </c>
      <c r="T26" s="13" t="s">
        <v>30</v>
      </c>
      <c r="U26" s="46">
        <v>203.43299999999999</v>
      </c>
      <c r="V26" s="13">
        <v>11</v>
      </c>
      <c r="W26" s="46">
        <v>229.78700000000001</v>
      </c>
      <c r="X26" s="13">
        <v>19</v>
      </c>
      <c r="Y26" s="46">
        <v>261.17200000000003</v>
      </c>
      <c r="Z26" s="13">
        <v>13</v>
      </c>
      <c r="AA26" s="46">
        <v>204.12299999999999</v>
      </c>
      <c r="AB26" s="14">
        <v>11</v>
      </c>
      <c r="AC26" s="46">
        <v>1029.6220000000001</v>
      </c>
      <c r="AD26" s="13">
        <v>17</v>
      </c>
      <c r="AE26" s="46">
        <v>1115.8050000000001</v>
      </c>
      <c r="AF26" s="13">
        <v>24</v>
      </c>
      <c r="AG26" s="46">
        <v>1383.077</v>
      </c>
      <c r="AH26" s="15">
        <v>23</v>
      </c>
      <c r="AI26" s="46">
        <v>1031.8789999999999</v>
      </c>
      <c r="AJ26" s="16">
        <v>17</v>
      </c>
    </row>
    <row r="27" spans="1:36" ht="14.1" customHeight="1" x14ac:dyDescent="0.15">
      <c r="A27" s="17">
        <v>22</v>
      </c>
      <c r="B27" s="12" t="s">
        <v>31</v>
      </c>
      <c r="C27" s="46">
        <v>21.16</v>
      </c>
      <c r="D27" s="13">
        <v>16</v>
      </c>
      <c r="E27" s="46">
        <v>19.524000000000001</v>
      </c>
      <c r="F27" s="13">
        <v>19</v>
      </c>
      <c r="G27" s="46">
        <v>26.513999999999999</v>
      </c>
      <c r="H27" s="13">
        <v>31</v>
      </c>
      <c r="I27" s="46">
        <v>21.122</v>
      </c>
      <c r="J27" s="14">
        <v>16</v>
      </c>
      <c r="K27" s="46">
        <v>856.38499999999999</v>
      </c>
      <c r="L27" s="13">
        <v>11</v>
      </c>
      <c r="M27" s="46">
        <v>894.28599999999994</v>
      </c>
      <c r="N27" s="13">
        <v>21</v>
      </c>
      <c r="O27" s="46">
        <v>1155.319</v>
      </c>
      <c r="P27" s="13">
        <v>16</v>
      </c>
      <c r="Q27" s="46">
        <v>857.25400000000002</v>
      </c>
      <c r="R27" s="14">
        <v>11</v>
      </c>
      <c r="S27" s="17">
        <v>22</v>
      </c>
      <c r="T27" s="13" t="s">
        <v>31</v>
      </c>
      <c r="U27" s="46">
        <v>208.21100000000001</v>
      </c>
      <c r="V27" s="13">
        <v>5</v>
      </c>
      <c r="W27" s="46">
        <v>181.429</v>
      </c>
      <c r="X27" s="13">
        <v>32</v>
      </c>
      <c r="Y27" s="46">
        <v>264.85899999999998</v>
      </c>
      <c r="Z27" s="13">
        <v>11</v>
      </c>
      <c r="AA27" s="46">
        <v>207.59700000000001</v>
      </c>
      <c r="AB27" s="14">
        <v>9</v>
      </c>
      <c r="AC27" s="46">
        <v>1085.7560000000001</v>
      </c>
      <c r="AD27" s="13">
        <v>9</v>
      </c>
      <c r="AE27" s="46">
        <v>1095.2380000000001</v>
      </c>
      <c r="AF27" s="13">
        <v>27</v>
      </c>
      <c r="AG27" s="46">
        <v>1446.692</v>
      </c>
      <c r="AH27" s="15">
        <v>15</v>
      </c>
      <c r="AI27" s="46">
        <v>1085.973</v>
      </c>
      <c r="AJ27" s="16">
        <v>9</v>
      </c>
    </row>
    <row r="28" spans="1:36" ht="14.1" customHeight="1" x14ac:dyDescent="0.15">
      <c r="A28" s="17">
        <v>23</v>
      </c>
      <c r="B28" s="12" t="s">
        <v>32</v>
      </c>
      <c r="C28" s="46">
        <v>23.274000000000001</v>
      </c>
      <c r="D28" s="13">
        <v>7</v>
      </c>
      <c r="E28" s="46">
        <v>19.312999999999999</v>
      </c>
      <c r="F28" s="13">
        <v>21</v>
      </c>
      <c r="G28" s="46">
        <v>30.259</v>
      </c>
      <c r="H28" s="13">
        <v>9</v>
      </c>
      <c r="I28" s="46">
        <v>23.152999999999999</v>
      </c>
      <c r="J28" s="14">
        <v>8</v>
      </c>
      <c r="K28" s="46">
        <v>835.005</v>
      </c>
      <c r="L28" s="13">
        <v>13</v>
      </c>
      <c r="M28" s="46">
        <v>816.73800000000006</v>
      </c>
      <c r="N28" s="13">
        <v>29</v>
      </c>
      <c r="O28" s="46">
        <v>1114.7070000000001</v>
      </c>
      <c r="P28" s="13">
        <v>27</v>
      </c>
      <c r="Q28" s="46">
        <v>834.44899999999996</v>
      </c>
      <c r="R28" s="14">
        <v>15</v>
      </c>
      <c r="S28" s="17">
        <v>23</v>
      </c>
      <c r="T28" s="13" t="s">
        <v>32</v>
      </c>
      <c r="U28" s="46">
        <v>193.74299999999999</v>
      </c>
      <c r="V28" s="13">
        <v>17</v>
      </c>
      <c r="W28" s="46">
        <v>198.71199999999999</v>
      </c>
      <c r="X28" s="13">
        <v>29</v>
      </c>
      <c r="Y28" s="46">
        <v>245.43</v>
      </c>
      <c r="Z28" s="13">
        <v>22</v>
      </c>
      <c r="AA28" s="46">
        <v>193.89500000000001</v>
      </c>
      <c r="AB28" s="14">
        <v>17</v>
      </c>
      <c r="AC28" s="46">
        <v>1052.0229999999999</v>
      </c>
      <c r="AD28" s="13">
        <v>13</v>
      </c>
      <c r="AE28" s="46">
        <v>1034.7639999999999</v>
      </c>
      <c r="AF28" s="13">
        <v>29</v>
      </c>
      <c r="AG28" s="46">
        <v>1390.396</v>
      </c>
      <c r="AH28" s="15">
        <v>22</v>
      </c>
      <c r="AI28" s="46">
        <v>1051.4970000000001</v>
      </c>
      <c r="AJ28" s="16">
        <v>13</v>
      </c>
    </row>
    <row r="29" spans="1:36" ht="14.1" customHeight="1" x14ac:dyDescent="0.15">
      <c r="A29" s="17">
        <v>24</v>
      </c>
      <c r="B29" s="12" t="s">
        <v>33</v>
      </c>
      <c r="C29" s="46">
        <v>20.193999999999999</v>
      </c>
      <c r="D29" s="13">
        <v>20</v>
      </c>
      <c r="E29" s="46">
        <v>32.11</v>
      </c>
      <c r="F29" s="13">
        <v>2</v>
      </c>
      <c r="G29" s="46">
        <v>27.951000000000001</v>
      </c>
      <c r="H29" s="13">
        <v>22</v>
      </c>
      <c r="I29" s="46">
        <v>20.641999999999999</v>
      </c>
      <c r="J29" s="14">
        <v>18</v>
      </c>
      <c r="K29" s="46">
        <v>831.20500000000004</v>
      </c>
      <c r="L29" s="13">
        <v>15</v>
      </c>
      <c r="M29" s="46">
        <v>949.54100000000005</v>
      </c>
      <c r="N29" s="13">
        <v>11</v>
      </c>
      <c r="O29" s="46">
        <v>1116.7270000000001</v>
      </c>
      <c r="P29" s="13">
        <v>26</v>
      </c>
      <c r="Q29" s="46">
        <v>835.65800000000002</v>
      </c>
      <c r="R29" s="14">
        <v>14</v>
      </c>
      <c r="S29" s="17">
        <v>24</v>
      </c>
      <c r="T29" s="13" t="s">
        <v>33</v>
      </c>
      <c r="U29" s="46">
        <v>184.11</v>
      </c>
      <c r="V29" s="13">
        <v>25</v>
      </c>
      <c r="W29" s="46">
        <v>255.96299999999999</v>
      </c>
      <c r="X29" s="13">
        <v>4</v>
      </c>
      <c r="Y29" s="46">
        <v>225.19900000000001</v>
      </c>
      <c r="Z29" s="13">
        <v>28</v>
      </c>
      <c r="AA29" s="46">
        <v>186.81399999999999</v>
      </c>
      <c r="AB29" s="14">
        <v>23</v>
      </c>
      <c r="AC29" s="46">
        <v>1035.509</v>
      </c>
      <c r="AD29" s="13">
        <v>15</v>
      </c>
      <c r="AE29" s="46">
        <v>1237.615</v>
      </c>
      <c r="AF29" s="13">
        <v>9</v>
      </c>
      <c r="AG29" s="46">
        <v>1369.877</v>
      </c>
      <c r="AH29" s="15">
        <v>27</v>
      </c>
      <c r="AI29" s="46">
        <v>1043.114</v>
      </c>
      <c r="AJ29" s="16">
        <v>15</v>
      </c>
    </row>
    <row r="30" spans="1:36" ht="14.1" customHeight="1" x14ac:dyDescent="0.15">
      <c r="A30" s="17">
        <v>25</v>
      </c>
      <c r="B30" s="12" t="s">
        <v>34</v>
      </c>
      <c r="C30" s="46">
        <v>18.452000000000002</v>
      </c>
      <c r="D30" s="13">
        <v>31</v>
      </c>
      <c r="E30" s="46">
        <v>22.689</v>
      </c>
      <c r="F30" s="13">
        <v>11</v>
      </c>
      <c r="G30" s="46">
        <v>26.986000000000001</v>
      </c>
      <c r="H30" s="13">
        <v>29</v>
      </c>
      <c r="I30" s="46">
        <v>18.565000000000001</v>
      </c>
      <c r="J30" s="14">
        <v>30</v>
      </c>
      <c r="K30" s="46">
        <v>798.29499999999996</v>
      </c>
      <c r="L30" s="13">
        <v>25</v>
      </c>
      <c r="M30" s="46">
        <v>704.202</v>
      </c>
      <c r="N30" s="13">
        <v>33</v>
      </c>
      <c r="O30" s="46">
        <v>1127.933</v>
      </c>
      <c r="P30" s="13">
        <v>23</v>
      </c>
      <c r="Q30" s="46">
        <v>795.78499999999997</v>
      </c>
      <c r="R30" s="14">
        <v>27</v>
      </c>
      <c r="S30" s="17">
        <v>25</v>
      </c>
      <c r="T30" s="13" t="s">
        <v>34</v>
      </c>
      <c r="U30" s="46">
        <v>166.94300000000001</v>
      </c>
      <c r="V30" s="13">
        <v>31</v>
      </c>
      <c r="W30" s="46">
        <v>182.35300000000001</v>
      </c>
      <c r="X30" s="13">
        <v>31</v>
      </c>
      <c r="Y30" s="46">
        <v>196.94900000000001</v>
      </c>
      <c r="Z30" s="13">
        <v>32</v>
      </c>
      <c r="AA30" s="46">
        <v>167.35400000000001</v>
      </c>
      <c r="AB30" s="14">
        <v>31</v>
      </c>
      <c r="AC30" s="46">
        <v>983.69</v>
      </c>
      <c r="AD30" s="13">
        <v>31</v>
      </c>
      <c r="AE30" s="46">
        <v>909.24400000000003</v>
      </c>
      <c r="AF30" s="13">
        <v>33</v>
      </c>
      <c r="AG30" s="46">
        <v>1351.867</v>
      </c>
      <c r="AH30" s="15">
        <v>30</v>
      </c>
      <c r="AI30" s="46">
        <v>981.70399999999995</v>
      </c>
      <c r="AJ30" s="16">
        <v>31</v>
      </c>
    </row>
    <row r="31" spans="1:36" ht="14.1" customHeight="1" x14ac:dyDescent="0.15">
      <c r="A31" s="17">
        <v>26</v>
      </c>
      <c r="B31" s="12" t="s">
        <v>35</v>
      </c>
      <c r="C31" s="46">
        <v>24.922000000000001</v>
      </c>
      <c r="D31" s="13">
        <v>4</v>
      </c>
      <c r="E31" s="46">
        <v>15.385</v>
      </c>
      <c r="F31" s="13">
        <v>31</v>
      </c>
      <c r="G31" s="46">
        <v>29.913</v>
      </c>
      <c r="H31" s="13">
        <v>12</v>
      </c>
      <c r="I31" s="46">
        <v>24.548999999999999</v>
      </c>
      <c r="J31" s="14">
        <v>4</v>
      </c>
      <c r="K31" s="46">
        <v>866.63199999999995</v>
      </c>
      <c r="L31" s="13">
        <v>7</v>
      </c>
      <c r="M31" s="46">
        <v>873.50400000000002</v>
      </c>
      <c r="N31" s="13">
        <v>25</v>
      </c>
      <c r="O31" s="46">
        <v>1171.3150000000001</v>
      </c>
      <c r="P31" s="13">
        <v>13</v>
      </c>
      <c r="Q31" s="46">
        <v>866.9</v>
      </c>
      <c r="R31" s="14">
        <v>8</v>
      </c>
      <c r="S31" s="17">
        <v>26</v>
      </c>
      <c r="T31" s="13" t="s">
        <v>35</v>
      </c>
      <c r="U31" s="46">
        <v>217.58799999999999</v>
      </c>
      <c r="V31" s="13">
        <v>2</v>
      </c>
      <c r="W31" s="46">
        <v>215.38499999999999</v>
      </c>
      <c r="X31" s="13">
        <v>25</v>
      </c>
      <c r="Y31" s="46">
        <v>267.197</v>
      </c>
      <c r="Z31" s="13">
        <v>8</v>
      </c>
      <c r="AA31" s="46">
        <v>217.50200000000001</v>
      </c>
      <c r="AB31" s="14">
        <v>2</v>
      </c>
      <c r="AC31" s="46">
        <v>1109.1410000000001</v>
      </c>
      <c r="AD31" s="13">
        <v>6</v>
      </c>
      <c r="AE31" s="46">
        <v>1104.2739999999999</v>
      </c>
      <c r="AF31" s="13">
        <v>25</v>
      </c>
      <c r="AG31" s="46">
        <v>1468.425</v>
      </c>
      <c r="AH31" s="15">
        <v>12</v>
      </c>
      <c r="AI31" s="46">
        <v>1108.951</v>
      </c>
      <c r="AJ31" s="16">
        <v>6</v>
      </c>
    </row>
    <row r="32" spans="1:36" ht="14.1" customHeight="1" x14ac:dyDescent="0.15">
      <c r="A32" s="17">
        <v>27</v>
      </c>
      <c r="B32" s="12" t="s">
        <v>36</v>
      </c>
      <c r="C32" s="46">
        <v>31.116</v>
      </c>
      <c r="D32" s="13">
        <v>1</v>
      </c>
      <c r="E32" s="46">
        <v>15.789</v>
      </c>
      <c r="F32" s="13">
        <v>30</v>
      </c>
      <c r="G32" s="46">
        <v>43.988999999999997</v>
      </c>
      <c r="H32" s="13">
        <v>1</v>
      </c>
      <c r="I32" s="46">
        <v>30.46</v>
      </c>
      <c r="J32" s="14">
        <v>1</v>
      </c>
      <c r="K32" s="46">
        <v>890.59100000000001</v>
      </c>
      <c r="L32" s="13">
        <v>3</v>
      </c>
      <c r="M32" s="46">
        <v>984.96199999999999</v>
      </c>
      <c r="N32" s="13">
        <v>5</v>
      </c>
      <c r="O32" s="46">
        <v>1219.18</v>
      </c>
      <c r="P32" s="13">
        <v>10</v>
      </c>
      <c r="Q32" s="46">
        <v>894.62800000000004</v>
      </c>
      <c r="R32" s="14">
        <v>3</v>
      </c>
      <c r="S32" s="17">
        <v>27</v>
      </c>
      <c r="T32" s="13" t="s">
        <v>36</v>
      </c>
      <c r="U32" s="46">
        <v>212.97</v>
      </c>
      <c r="V32" s="13">
        <v>4</v>
      </c>
      <c r="W32" s="46">
        <v>257.14299999999997</v>
      </c>
      <c r="X32" s="13">
        <v>3</v>
      </c>
      <c r="Y32" s="46">
        <v>268.798</v>
      </c>
      <c r="Z32" s="13">
        <v>5</v>
      </c>
      <c r="AA32" s="46">
        <v>214.86</v>
      </c>
      <c r="AB32" s="14">
        <v>4</v>
      </c>
      <c r="AC32" s="46">
        <v>1134.6769999999999</v>
      </c>
      <c r="AD32" s="13">
        <v>3</v>
      </c>
      <c r="AE32" s="46">
        <v>1257.895</v>
      </c>
      <c r="AF32" s="13">
        <v>7</v>
      </c>
      <c r="AG32" s="46">
        <v>1531.9670000000001</v>
      </c>
      <c r="AH32" s="15">
        <v>7</v>
      </c>
      <c r="AI32" s="46">
        <v>1139.9490000000001</v>
      </c>
      <c r="AJ32" s="16">
        <v>3</v>
      </c>
    </row>
    <row r="33" spans="1:36" ht="14.1" customHeight="1" x14ac:dyDescent="0.15">
      <c r="A33" s="17">
        <v>28</v>
      </c>
      <c r="B33" s="12" t="s">
        <v>37</v>
      </c>
      <c r="C33" s="46">
        <v>23.123999999999999</v>
      </c>
      <c r="D33" s="13">
        <v>8</v>
      </c>
      <c r="E33" s="46">
        <v>31.428999999999998</v>
      </c>
      <c r="F33" s="13">
        <v>3</v>
      </c>
      <c r="G33" s="46">
        <v>29.89</v>
      </c>
      <c r="H33" s="13">
        <v>13</v>
      </c>
      <c r="I33" s="46">
        <v>23.436</v>
      </c>
      <c r="J33" s="14">
        <v>7</v>
      </c>
      <c r="K33" s="46">
        <v>934.505</v>
      </c>
      <c r="L33" s="13">
        <v>1</v>
      </c>
      <c r="M33" s="46">
        <v>970.71400000000006</v>
      </c>
      <c r="N33" s="13">
        <v>9</v>
      </c>
      <c r="O33" s="46">
        <v>1301.895</v>
      </c>
      <c r="P33" s="13">
        <v>1</v>
      </c>
      <c r="Q33" s="46">
        <v>935.86599999999999</v>
      </c>
      <c r="R33" s="14">
        <v>1</v>
      </c>
      <c r="S33" s="17">
        <v>28</v>
      </c>
      <c r="T33" s="13" t="s">
        <v>37</v>
      </c>
      <c r="U33" s="46">
        <v>199.749</v>
      </c>
      <c r="V33" s="13">
        <v>12</v>
      </c>
      <c r="W33" s="46">
        <v>270.714</v>
      </c>
      <c r="X33" s="13">
        <v>2</v>
      </c>
      <c r="Y33" s="46">
        <v>247.67699999999999</v>
      </c>
      <c r="Z33" s="13">
        <v>20</v>
      </c>
      <c r="AA33" s="46">
        <v>202.416</v>
      </c>
      <c r="AB33" s="14">
        <v>12</v>
      </c>
      <c r="AC33" s="46">
        <v>1157.3779999999999</v>
      </c>
      <c r="AD33" s="13">
        <v>1</v>
      </c>
      <c r="AE33" s="46">
        <v>1272.857</v>
      </c>
      <c r="AF33" s="13">
        <v>4</v>
      </c>
      <c r="AG33" s="46">
        <v>1579.462</v>
      </c>
      <c r="AH33" s="15">
        <v>3</v>
      </c>
      <c r="AI33" s="46">
        <v>1161.7180000000001</v>
      </c>
      <c r="AJ33" s="16">
        <v>1</v>
      </c>
    </row>
    <row r="34" spans="1:36" ht="14.1" customHeight="1" x14ac:dyDescent="0.15">
      <c r="A34" s="17">
        <v>29</v>
      </c>
      <c r="B34" s="12" t="s">
        <v>38</v>
      </c>
      <c r="C34" s="46">
        <v>24.451000000000001</v>
      </c>
      <c r="D34" s="13">
        <v>5</v>
      </c>
      <c r="E34" s="46">
        <v>11.475</v>
      </c>
      <c r="F34" s="13">
        <v>32</v>
      </c>
      <c r="G34" s="46">
        <v>35.994999999999997</v>
      </c>
      <c r="H34" s="13">
        <v>2</v>
      </c>
      <c r="I34" s="46">
        <v>24.228999999999999</v>
      </c>
      <c r="J34" s="14">
        <v>5</v>
      </c>
      <c r="K34" s="46">
        <v>821.17</v>
      </c>
      <c r="L34" s="13">
        <v>19</v>
      </c>
      <c r="M34" s="46">
        <v>781.96699999999998</v>
      </c>
      <c r="N34" s="13">
        <v>32</v>
      </c>
      <c r="O34" s="46">
        <v>1149.556</v>
      </c>
      <c r="P34" s="13">
        <v>19</v>
      </c>
      <c r="Q34" s="46">
        <v>820.49900000000002</v>
      </c>
      <c r="R34" s="14">
        <v>20</v>
      </c>
      <c r="S34" s="17">
        <v>29</v>
      </c>
      <c r="T34" s="13" t="s">
        <v>38</v>
      </c>
      <c r="U34" s="46">
        <v>170.69900000000001</v>
      </c>
      <c r="V34" s="13">
        <v>29</v>
      </c>
      <c r="W34" s="46">
        <v>216.393</v>
      </c>
      <c r="X34" s="13">
        <v>22</v>
      </c>
      <c r="Y34" s="46">
        <v>221.03899999999999</v>
      </c>
      <c r="Z34" s="13">
        <v>29</v>
      </c>
      <c r="AA34" s="46">
        <v>171.48099999999999</v>
      </c>
      <c r="AB34" s="14">
        <v>29</v>
      </c>
      <c r="AC34" s="46">
        <v>1016.32</v>
      </c>
      <c r="AD34" s="13">
        <v>20</v>
      </c>
      <c r="AE34" s="46">
        <v>1009.836</v>
      </c>
      <c r="AF34" s="13">
        <v>32</v>
      </c>
      <c r="AG34" s="46">
        <v>1406.5909999999999</v>
      </c>
      <c r="AH34" s="15">
        <v>20</v>
      </c>
      <c r="AI34" s="46">
        <v>1016.2089999999999</v>
      </c>
      <c r="AJ34" s="16">
        <v>22</v>
      </c>
    </row>
    <row r="35" spans="1:36" ht="14.1" customHeight="1" x14ac:dyDescent="0.15">
      <c r="A35" s="17">
        <v>30</v>
      </c>
      <c r="B35" s="12" t="s">
        <v>39</v>
      </c>
      <c r="C35" s="46">
        <v>25.422999999999998</v>
      </c>
      <c r="D35" s="13">
        <v>3</v>
      </c>
      <c r="E35" s="46">
        <v>40</v>
      </c>
      <c r="F35" s="13">
        <v>1</v>
      </c>
      <c r="G35" s="46">
        <v>32.929000000000002</v>
      </c>
      <c r="H35" s="13">
        <v>3</v>
      </c>
      <c r="I35" s="46">
        <v>25.649000000000001</v>
      </c>
      <c r="J35" s="14">
        <v>3</v>
      </c>
      <c r="K35" s="46">
        <v>820.26800000000003</v>
      </c>
      <c r="L35" s="13">
        <v>20</v>
      </c>
      <c r="M35" s="46">
        <v>932.5</v>
      </c>
      <c r="N35" s="13">
        <v>17</v>
      </c>
      <c r="O35" s="46">
        <v>1089.6880000000001</v>
      </c>
      <c r="P35" s="13">
        <v>31</v>
      </c>
      <c r="Q35" s="46">
        <v>822.00699999999995</v>
      </c>
      <c r="R35" s="14">
        <v>19</v>
      </c>
      <c r="S35" s="17">
        <v>30</v>
      </c>
      <c r="T35" s="13" t="s">
        <v>39</v>
      </c>
      <c r="U35" s="46">
        <v>160.64500000000001</v>
      </c>
      <c r="V35" s="13">
        <v>32</v>
      </c>
      <c r="W35" s="46">
        <v>232.5</v>
      </c>
      <c r="X35" s="13">
        <v>16</v>
      </c>
      <c r="Y35" s="46">
        <v>197.57400000000001</v>
      </c>
      <c r="Z35" s="13">
        <v>31</v>
      </c>
      <c r="AA35" s="46">
        <v>161.75899999999999</v>
      </c>
      <c r="AB35" s="14">
        <v>32</v>
      </c>
      <c r="AC35" s="46">
        <v>1006.336</v>
      </c>
      <c r="AD35" s="13">
        <v>23</v>
      </c>
      <c r="AE35" s="46">
        <v>1205</v>
      </c>
      <c r="AF35" s="13">
        <v>11</v>
      </c>
      <c r="AG35" s="46">
        <v>1320.191</v>
      </c>
      <c r="AH35" s="15">
        <v>33</v>
      </c>
      <c r="AI35" s="46">
        <v>1009.415</v>
      </c>
      <c r="AJ35" s="16">
        <v>23</v>
      </c>
    </row>
    <row r="36" spans="1:36" ht="14.1" customHeight="1" x14ac:dyDescent="0.15">
      <c r="A36" s="17">
        <v>31</v>
      </c>
      <c r="B36" s="12" t="s">
        <v>40</v>
      </c>
      <c r="C36" s="46">
        <v>23.577000000000002</v>
      </c>
      <c r="D36" s="13">
        <v>6</v>
      </c>
      <c r="E36" s="46">
        <v>22.105</v>
      </c>
      <c r="F36" s="13">
        <v>13</v>
      </c>
      <c r="G36" s="46">
        <v>32.909999999999997</v>
      </c>
      <c r="H36" s="13">
        <v>4</v>
      </c>
      <c r="I36" s="46">
        <v>23.56</v>
      </c>
      <c r="J36" s="14">
        <v>6</v>
      </c>
      <c r="K36" s="46">
        <v>821.31399999999996</v>
      </c>
      <c r="L36" s="13">
        <v>18</v>
      </c>
      <c r="M36" s="46">
        <v>980</v>
      </c>
      <c r="N36" s="13">
        <v>8</v>
      </c>
      <c r="O36" s="46">
        <v>1120.8589999999999</v>
      </c>
      <c r="P36" s="13">
        <v>24</v>
      </c>
      <c r="Q36" s="46">
        <v>823.12699999999995</v>
      </c>
      <c r="R36" s="14">
        <v>17</v>
      </c>
      <c r="S36" s="17">
        <v>31</v>
      </c>
      <c r="T36" s="13" t="s">
        <v>40</v>
      </c>
      <c r="U36" s="46">
        <v>170.20699999999999</v>
      </c>
      <c r="V36" s="13">
        <v>30</v>
      </c>
      <c r="W36" s="46">
        <v>190.52600000000001</v>
      </c>
      <c r="X36" s="13">
        <v>30</v>
      </c>
      <c r="Y36" s="46">
        <v>210.7</v>
      </c>
      <c r="Z36" s="13">
        <v>30</v>
      </c>
      <c r="AA36" s="46">
        <v>170.43899999999999</v>
      </c>
      <c r="AB36" s="14">
        <v>30</v>
      </c>
      <c r="AC36" s="46">
        <v>1015.097</v>
      </c>
      <c r="AD36" s="13">
        <v>21</v>
      </c>
      <c r="AE36" s="46">
        <v>1192.6320000000001</v>
      </c>
      <c r="AF36" s="13">
        <v>15</v>
      </c>
      <c r="AG36" s="46">
        <v>1364.4690000000001</v>
      </c>
      <c r="AH36" s="15">
        <v>28</v>
      </c>
      <c r="AI36" s="46">
        <v>1017.126</v>
      </c>
      <c r="AJ36" s="16">
        <v>21</v>
      </c>
    </row>
    <row r="37" spans="1:36" ht="14.1" customHeight="1" x14ac:dyDescent="0.15">
      <c r="A37" s="17">
        <v>32</v>
      </c>
      <c r="B37" s="12" t="s">
        <v>41</v>
      </c>
      <c r="C37" s="46">
        <v>21.344000000000001</v>
      </c>
      <c r="D37" s="13">
        <v>15</v>
      </c>
      <c r="E37" s="46">
        <v>25.445</v>
      </c>
      <c r="F37" s="13">
        <v>5</v>
      </c>
      <c r="G37" s="46">
        <v>29.806999999999999</v>
      </c>
      <c r="H37" s="13">
        <v>14</v>
      </c>
      <c r="I37" s="46">
        <v>21.468</v>
      </c>
      <c r="J37" s="14">
        <v>15</v>
      </c>
      <c r="K37" s="46">
        <v>804.78200000000004</v>
      </c>
      <c r="L37" s="13">
        <v>23</v>
      </c>
      <c r="M37" s="46">
        <v>940.96699999999998</v>
      </c>
      <c r="N37" s="13">
        <v>13</v>
      </c>
      <c r="O37" s="46">
        <v>1140.077</v>
      </c>
      <c r="P37" s="13">
        <v>21</v>
      </c>
      <c r="Q37" s="46">
        <v>808.91800000000001</v>
      </c>
      <c r="R37" s="14">
        <v>22</v>
      </c>
      <c r="S37" s="17">
        <v>32</v>
      </c>
      <c r="T37" s="13" t="s">
        <v>41</v>
      </c>
      <c r="U37" s="46">
        <v>146.529</v>
      </c>
      <c r="V37" s="13">
        <v>33</v>
      </c>
      <c r="W37" s="46">
        <v>176.845</v>
      </c>
      <c r="X37" s="13">
        <v>33</v>
      </c>
      <c r="Y37" s="46">
        <v>185.45500000000001</v>
      </c>
      <c r="Z37" s="13">
        <v>33</v>
      </c>
      <c r="AA37" s="46">
        <v>147.44999999999999</v>
      </c>
      <c r="AB37" s="14">
        <v>33</v>
      </c>
      <c r="AC37" s="46">
        <v>972.65499999999997</v>
      </c>
      <c r="AD37" s="13">
        <v>32</v>
      </c>
      <c r="AE37" s="46">
        <v>1143.2570000000001</v>
      </c>
      <c r="AF37" s="13">
        <v>21</v>
      </c>
      <c r="AG37" s="46">
        <v>1355.338</v>
      </c>
      <c r="AH37" s="15">
        <v>29</v>
      </c>
      <c r="AI37" s="46">
        <v>977.83600000000001</v>
      </c>
      <c r="AJ37" s="16">
        <v>32</v>
      </c>
    </row>
    <row r="38" spans="1:36" ht="14.1" customHeight="1" thickBot="1" x14ac:dyDescent="0.2">
      <c r="A38" s="26">
        <v>33</v>
      </c>
      <c r="B38" s="19" t="s">
        <v>42</v>
      </c>
      <c r="C38" s="47">
        <v>26.114999999999998</v>
      </c>
      <c r="D38" s="20">
        <v>2</v>
      </c>
      <c r="E38" s="47">
        <v>0</v>
      </c>
      <c r="F38" s="20">
        <v>33</v>
      </c>
      <c r="G38" s="47">
        <v>27.689</v>
      </c>
      <c r="H38" s="20">
        <v>25</v>
      </c>
      <c r="I38" s="48">
        <v>25.786000000000001</v>
      </c>
      <c r="J38" s="21">
        <v>2</v>
      </c>
      <c r="K38" s="47">
        <v>814.86199999999997</v>
      </c>
      <c r="L38" s="20">
        <v>21</v>
      </c>
      <c r="M38" s="47">
        <v>875</v>
      </c>
      <c r="N38" s="20">
        <v>23</v>
      </c>
      <c r="O38" s="47">
        <v>1075.2860000000001</v>
      </c>
      <c r="P38" s="20">
        <v>32</v>
      </c>
      <c r="Q38" s="48">
        <v>815.61800000000005</v>
      </c>
      <c r="R38" s="21">
        <v>21</v>
      </c>
      <c r="S38" s="26">
        <v>33</v>
      </c>
      <c r="T38" s="20" t="s">
        <v>42</v>
      </c>
      <c r="U38" s="47">
        <v>187.792</v>
      </c>
      <c r="V38" s="20">
        <v>21</v>
      </c>
      <c r="W38" s="47">
        <v>275</v>
      </c>
      <c r="X38" s="20">
        <v>1</v>
      </c>
      <c r="Y38" s="47">
        <v>234.554</v>
      </c>
      <c r="Z38" s="20">
        <v>25</v>
      </c>
      <c r="AA38" s="48">
        <v>188.88900000000001</v>
      </c>
      <c r="AB38" s="21">
        <v>21</v>
      </c>
      <c r="AC38" s="47">
        <v>1028.769</v>
      </c>
      <c r="AD38" s="20">
        <v>18</v>
      </c>
      <c r="AE38" s="47">
        <v>1150</v>
      </c>
      <c r="AF38" s="20">
        <v>20</v>
      </c>
      <c r="AG38" s="47">
        <v>1337.529</v>
      </c>
      <c r="AH38" s="22">
        <v>32</v>
      </c>
      <c r="AI38" s="48">
        <v>1030.2940000000001</v>
      </c>
      <c r="AJ38" s="23">
        <v>18</v>
      </c>
    </row>
    <row r="39" spans="1:36" ht="14.1" customHeight="1" thickTop="1" x14ac:dyDescent="0.15">
      <c r="A39" s="11">
        <v>301</v>
      </c>
      <c r="B39" s="27" t="s">
        <v>47</v>
      </c>
      <c r="C39" s="49">
        <v>8.4320000000000004</v>
      </c>
      <c r="D39" s="25">
        <v>6</v>
      </c>
      <c r="E39" s="28" t="s">
        <v>48</v>
      </c>
      <c r="F39" s="28" t="s">
        <v>48</v>
      </c>
      <c r="G39" s="49">
        <v>20.341000000000001</v>
      </c>
      <c r="H39" s="25">
        <v>6</v>
      </c>
      <c r="I39" s="50">
        <v>8.4320000000000004</v>
      </c>
      <c r="J39" s="29">
        <v>6</v>
      </c>
      <c r="K39" s="49">
        <v>559.84799999999996</v>
      </c>
      <c r="L39" s="25">
        <v>6</v>
      </c>
      <c r="M39" s="30" t="s">
        <v>48</v>
      </c>
      <c r="N39" s="30" t="s">
        <v>48</v>
      </c>
      <c r="O39" s="49">
        <v>767.30399999999997</v>
      </c>
      <c r="P39" s="25">
        <v>6</v>
      </c>
      <c r="Q39" s="50">
        <v>559.84799999999996</v>
      </c>
      <c r="R39" s="29">
        <v>6</v>
      </c>
      <c r="S39" s="11">
        <v>301</v>
      </c>
      <c r="T39" s="31" t="s">
        <v>47</v>
      </c>
      <c r="U39" s="49">
        <v>195.91900000000001</v>
      </c>
      <c r="V39" s="25">
        <v>1</v>
      </c>
      <c r="W39" s="30" t="s">
        <v>48</v>
      </c>
      <c r="X39" s="30" t="s">
        <v>48</v>
      </c>
      <c r="Y39" s="49">
        <v>280.20499999999998</v>
      </c>
      <c r="Z39" s="25">
        <v>1</v>
      </c>
      <c r="AA39" s="50">
        <v>195.91900000000001</v>
      </c>
      <c r="AB39" s="29">
        <v>1</v>
      </c>
      <c r="AC39" s="49">
        <v>764.19899999999996</v>
      </c>
      <c r="AD39" s="25">
        <v>5</v>
      </c>
      <c r="AE39" s="30" t="s">
        <v>48</v>
      </c>
      <c r="AF39" s="30" t="s">
        <v>48</v>
      </c>
      <c r="AG39" s="49">
        <v>1067.8499999999999</v>
      </c>
      <c r="AH39" s="32">
        <v>6</v>
      </c>
      <c r="AI39" s="50">
        <v>764.19899999999996</v>
      </c>
      <c r="AJ39" s="16">
        <v>5</v>
      </c>
    </row>
    <row r="40" spans="1:36" ht="14.1" customHeight="1" x14ac:dyDescent="0.15">
      <c r="A40" s="17">
        <v>302</v>
      </c>
      <c r="B40" s="27" t="s">
        <v>49</v>
      </c>
      <c r="C40" s="46">
        <v>8.8879999999999999</v>
      </c>
      <c r="D40" s="13">
        <v>4</v>
      </c>
      <c r="E40" s="33" t="s">
        <v>48</v>
      </c>
      <c r="F40" s="33" t="s">
        <v>48</v>
      </c>
      <c r="G40" s="46">
        <v>23.756</v>
      </c>
      <c r="H40" s="13">
        <v>5</v>
      </c>
      <c r="I40" s="46">
        <v>8.8879999999999999</v>
      </c>
      <c r="J40" s="14">
        <v>4</v>
      </c>
      <c r="K40" s="46">
        <v>612.79700000000003</v>
      </c>
      <c r="L40" s="13">
        <v>5</v>
      </c>
      <c r="M40" s="34" t="s">
        <v>48</v>
      </c>
      <c r="N40" s="34" t="s">
        <v>48</v>
      </c>
      <c r="O40" s="46">
        <v>1695.1849999999999</v>
      </c>
      <c r="P40" s="13">
        <v>1</v>
      </c>
      <c r="Q40" s="46">
        <v>612.79700000000003</v>
      </c>
      <c r="R40" s="14">
        <v>5</v>
      </c>
      <c r="S40" s="17">
        <v>302</v>
      </c>
      <c r="T40" s="31" t="s">
        <v>49</v>
      </c>
      <c r="U40" s="46">
        <v>58.854999999999997</v>
      </c>
      <c r="V40" s="13">
        <v>6</v>
      </c>
      <c r="W40" s="34" t="s">
        <v>48</v>
      </c>
      <c r="X40" s="34" t="s">
        <v>48</v>
      </c>
      <c r="Y40" s="46">
        <v>70.465000000000003</v>
      </c>
      <c r="Z40" s="13">
        <v>6</v>
      </c>
      <c r="AA40" s="46">
        <v>58.854999999999997</v>
      </c>
      <c r="AB40" s="14">
        <v>6</v>
      </c>
      <c r="AC40" s="46">
        <v>680.53899999999999</v>
      </c>
      <c r="AD40" s="13">
        <v>6</v>
      </c>
      <c r="AE40" s="34" t="s">
        <v>48</v>
      </c>
      <c r="AF40" s="34" t="s">
        <v>48</v>
      </c>
      <c r="AG40" s="46">
        <v>1789.4059999999999</v>
      </c>
      <c r="AH40" s="15">
        <v>1</v>
      </c>
      <c r="AI40" s="46">
        <v>680.53899999999999</v>
      </c>
      <c r="AJ40" s="16">
        <v>6</v>
      </c>
    </row>
    <row r="41" spans="1:36" ht="14.1" customHeight="1" x14ac:dyDescent="0.15">
      <c r="A41" s="17">
        <v>303</v>
      </c>
      <c r="B41" s="27" t="s">
        <v>50</v>
      </c>
      <c r="C41" s="46">
        <v>12.273999999999999</v>
      </c>
      <c r="D41" s="13">
        <v>1</v>
      </c>
      <c r="E41" s="33" t="s">
        <v>48</v>
      </c>
      <c r="F41" s="33" t="s">
        <v>48</v>
      </c>
      <c r="G41" s="46">
        <v>27.83</v>
      </c>
      <c r="H41" s="13">
        <v>2</v>
      </c>
      <c r="I41" s="46">
        <v>12.273999999999999</v>
      </c>
      <c r="J41" s="14">
        <v>1</v>
      </c>
      <c r="K41" s="46">
        <v>696.66499999999996</v>
      </c>
      <c r="L41" s="13">
        <v>2</v>
      </c>
      <c r="M41" s="34" t="s">
        <v>48</v>
      </c>
      <c r="N41" s="34" t="s">
        <v>48</v>
      </c>
      <c r="O41" s="46">
        <v>1234.808</v>
      </c>
      <c r="P41" s="13">
        <v>2</v>
      </c>
      <c r="Q41" s="46">
        <v>696.66499999999996</v>
      </c>
      <c r="R41" s="14">
        <v>2</v>
      </c>
      <c r="S41" s="17">
        <v>303</v>
      </c>
      <c r="T41" s="31" t="s">
        <v>50</v>
      </c>
      <c r="U41" s="46">
        <v>189.55500000000001</v>
      </c>
      <c r="V41" s="13">
        <v>2</v>
      </c>
      <c r="W41" s="34" t="s">
        <v>48</v>
      </c>
      <c r="X41" s="34" t="s">
        <v>48</v>
      </c>
      <c r="Y41" s="46">
        <v>271.56400000000002</v>
      </c>
      <c r="Z41" s="13">
        <v>3</v>
      </c>
      <c r="AA41" s="46">
        <v>189.55500000000001</v>
      </c>
      <c r="AB41" s="14">
        <v>2</v>
      </c>
      <c r="AC41" s="46">
        <v>898.49400000000003</v>
      </c>
      <c r="AD41" s="13">
        <v>2</v>
      </c>
      <c r="AE41" s="34" t="s">
        <v>48</v>
      </c>
      <c r="AF41" s="34" t="s">
        <v>48</v>
      </c>
      <c r="AG41" s="46">
        <v>1534.202</v>
      </c>
      <c r="AH41" s="15">
        <v>2</v>
      </c>
      <c r="AI41" s="46">
        <v>898.49400000000003</v>
      </c>
      <c r="AJ41" s="16">
        <v>2</v>
      </c>
    </row>
    <row r="42" spans="1:36" ht="14.1" customHeight="1" x14ac:dyDescent="0.15">
      <c r="A42" s="17">
        <v>304</v>
      </c>
      <c r="B42" s="27" t="s">
        <v>51</v>
      </c>
      <c r="C42" s="46">
        <v>8.5329999999999995</v>
      </c>
      <c r="D42" s="13">
        <v>5</v>
      </c>
      <c r="E42" s="33" t="s">
        <v>48</v>
      </c>
      <c r="F42" s="33" t="s">
        <v>48</v>
      </c>
      <c r="G42" s="46">
        <v>24.423999999999999</v>
      </c>
      <c r="H42" s="13">
        <v>4</v>
      </c>
      <c r="I42" s="46">
        <v>8.5329999999999995</v>
      </c>
      <c r="J42" s="14">
        <v>5</v>
      </c>
      <c r="K42" s="46">
        <v>735.71299999999997</v>
      </c>
      <c r="L42" s="13">
        <v>1</v>
      </c>
      <c r="M42" s="34" t="s">
        <v>48</v>
      </c>
      <c r="N42" s="34" t="s">
        <v>48</v>
      </c>
      <c r="O42" s="46">
        <v>1154.1469999999999</v>
      </c>
      <c r="P42" s="13">
        <v>5</v>
      </c>
      <c r="Q42" s="46">
        <v>735.71299999999997</v>
      </c>
      <c r="R42" s="14">
        <v>1</v>
      </c>
      <c r="S42" s="17">
        <v>304</v>
      </c>
      <c r="T42" s="31" t="s">
        <v>51</v>
      </c>
      <c r="U42" s="46">
        <v>183.81800000000001</v>
      </c>
      <c r="V42" s="13">
        <v>3</v>
      </c>
      <c r="W42" s="34" t="s">
        <v>48</v>
      </c>
      <c r="X42" s="34" t="s">
        <v>48</v>
      </c>
      <c r="Y42" s="46">
        <v>271.88900000000001</v>
      </c>
      <c r="Z42" s="13">
        <v>2</v>
      </c>
      <c r="AA42" s="46">
        <v>183.81800000000001</v>
      </c>
      <c r="AB42" s="14">
        <v>3</v>
      </c>
      <c r="AC42" s="46">
        <v>928.06299999999999</v>
      </c>
      <c r="AD42" s="13">
        <v>1</v>
      </c>
      <c r="AE42" s="34" t="s">
        <v>48</v>
      </c>
      <c r="AF42" s="34" t="s">
        <v>48</v>
      </c>
      <c r="AG42" s="46">
        <v>1450.461</v>
      </c>
      <c r="AH42" s="15">
        <v>3</v>
      </c>
      <c r="AI42" s="46">
        <v>928.06299999999999</v>
      </c>
      <c r="AJ42" s="16">
        <v>1</v>
      </c>
    </row>
    <row r="43" spans="1:36" ht="14.1" customHeight="1" x14ac:dyDescent="0.15">
      <c r="A43" s="17">
        <v>305</v>
      </c>
      <c r="B43" s="27" t="s">
        <v>52</v>
      </c>
      <c r="C43" s="46">
        <v>10.063000000000001</v>
      </c>
      <c r="D43" s="13">
        <v>3</v>
      </c>
      <c r="E43" s="33" t="s">
        <v>48</v>
      </c>
      <c r="F43" s="33" t="s">
        <v>48</v>
      </c>
      <c r="G43" s="46">
        <v>25.382999999999999</v>
      </c>
      <c r="H43" s="13">
        <v>3</v>
      </c>
      <c r="I43" s="46">
        <v>10.063000000000001</v>
      </c>
      <c r="J43" s="14">
        <v>3</v>
      </c>
      <c r="K43" s="46">
        <v>633.34500000000003</v>
      </c>
      <c r="L43" s="13">
        <v>3</v>
      </c>
      <c r="M43" s="34" t="s">
        <v>48</v>
      </c>
      <c r="N43" s="34" t="s">
        <v>48</v>
      </c>
      <c r="O43" s="46">
        <v>1186.2860000000001</v>
      </c>
      <c r="P43" s="13">
        <v>4</v>
      </c>
      <c r="Q43" s="46">
        <v>633.34500000000003</v>
      </c>
      <c r="R43" s="14">
        <v>3</v>
      </c>
      <c r="S43" s="17">
        <v>305</v>
      </c>
      <c r="T43" s="31" t="s">
        <v>52</v>
      </c>
      <c r="U43" s="46">
        <v>158.28800000000001</v>
      </c>
      <c r="V43" s="13">
        <v>4</v>
      </c>
      <c r="W43" s="34" t="s">
        <v>48</v>
      </c>
      <c r="X43" s="34" t="s">
        <v>48</v>
      </c>
      <c r="Y43" s="46">
        <v>228.10900000000001</v>
      </c>
      <c r="Z43" s="13">
        <v>4</v>
      </c>
      <c r="AA43" s="46">
        <v>158.28800000000001</v>
      </c>
      <c r="AB43" s="14">
        <v>4</v>
      </c>
      <c r="AC43" s="46">
        <v>801.69600000000003</v>
      </c>
      <c r="AD43" s="13">
        <v>3</v>
      </c>
      <c r="AE43" s="34" t="s">
        <v>48</v>
      </c>
      <c r="AF43" s="34" t="s">
        <v>48</v>
      </c>
      <c r="AG43" s="46">
        <v>1439.779</v>
      </c>
      <c r="AH43" s="15">
        <v>5</v>
      </c>
      <c r="AI43" s="46">
        <v>801.69600000000003</v>
      </c>
      <c r="AJ43" s="16">
        <v>3</v>
      </c>
    </row>
    <row r="44" spans="1:36" ht="14.1" customHeight="1" thickBot="1" x14ac:dyDescent="0.2">
      <c r="A44" s="18">
        <v>306</v>
      </c>
      <c r="B44" s="35" t="s">
        <v>53</v>
      </c>
      <c r="C44" s="47">
        <v>11.638999999999999</v>
      </c>
      <c r="D44" s="20">
        <v>2</v>
      </c>
      <c r="E44" s="36" t="s">
        <v>48</v>
      </c>
      <c r="F44" s="36" t="s">
        <v>48</v>
      </c>
      <c r="G44" s="47">
        <v>33.814</v>
      </c>
      <c r="H44" s="20">
        <v>1</v>
      </c>
      <c r="I44" s="48">
        <v>11.638999999999999</v>
      </c>
      <c r="J44" s="21">
        <v>2</v>
      </c>
      <c r="K44" s="47">
        <v>612.97799999999995</v>
      </c>
      <c r="L44" s="20">
        <v>4</v>
      </c>
      <c r="M44" s="7" t="s">
        <v>48</v>
      </c>
      <c r="N44" s="7" t="s">
        <v>48</v>
      </c>
      <c r="O44" s="47">
        <v>1191.722</v>
      </c>
      <c r="P44" s="20">
        <v>3</v>
      </c>
      <c r="Q44" s="47">
        <v>612.97799999999995</v>
      </c>
      <c r="R44" s="21">
        <v>4</v>
      </c>
      <c r="S44" s="18">
        <v>306</v>
      </c>
      <c r="T44" s="37" t="s">
        <v>53</v>
      </c>
      <c r="U44" s="47">
        <v>152.304</v>
      </c>
      <c r="V44" s="20">
        <v>5</v>
      </c>
      <c r="W44" s="7" t="s">
        <v>48</v>
      </c>
      <c r="X44" s="7" t="s">
        <v>48</v>
      </c>
      <c r="Y44" s="47">
        <v>217.94800000000001</v>
      </c>
      <c r="Z44" s="20">
        <v>5</v>
      </c>
      <c r="AA44" s="47">
        <v>152.304</v>
      </c>
      <c r="AB44" s="21">
        <v>5</v>
      </c>
      <c r="AC44" s="47">
        <v>776.92100000000005</v>
      </c>
      <c r="AD44" s="20">
        <v>4</v>
      </c>
      <c r="AE44" s="7" t="s">
        <v>48</v>
      </c>
      <c r="AF44" s="7" t="s">
        <v>48</v>
      </c>
      <c r="AG44" s="47">
        <v>1443.4849999999999</v>
      </c>
      <c r="AH44" s="22">
        <v>4</v>
      </c>
      <c r="AI44" s="48">
        <v>776.92100000000005</v>
      </c>
      <c r="AJ44" s="23">
        <v>4</v>
      </c>
    </row>
    <row r="45" spans="1:36" ht="14.1" customHeight="1" thickTop="1" thickBot="1" x14ac:dyDescent="0.2">
      <c r="A45" s="61" t="s">
        <v>54</v>
      </c>
      <c r="B45" s="62"/>
      <c r="C45" s="47">
        <v>19.693000000000001</v>
      </c>
      <c r="D45" s="38" t="s">
        <v>48</v>
      </c>
      <c r="E45" s="51">
        <v>21.47</v>
      </c>
      <c r="F45" s="38" t="s">
        <v>43</v>
      </c>
      <c r="G45" s="47">
        <v>28.884</v>
      </c>
      <c r="H45" s="38" t="s">
        <v>48</v>
      </c>
      <c r="I45" s="52">
        <v>19.722000000000001</v>
      </c>
      <c r="J45" s="39" t="s">
        <v>48</v>
      </c>
      <c r="K45" s="47">
        <v>837.43600000000004</v>
      </c>
      <c r="L45" s="41" t="s">
        <v>48</v>
      </c>
      <c r="M45" s="51">
        <v>952.51400000000001</v>
      </c>
      <c r="N45" s="41" t="s">
        <v>48</v>
      </c>
      <c r="O45" s="47">
        <v>1220.106</v>
      </c>
      <c r="P45" s="41" t="s">
        <v>48</v>
      </c>
      <c r="Q45" s="52">
        <v>839.33399999999995</v>
      </c>
      <c r="R45" s="40" t="s">
        <v>43</v>
      </c>
      <c r="S45" s="61" t="s">
        <v>54</v>
      </c>
      <c r="T45" s="62"/>
      <c r="U45" s="47">
        <v>195.73099999999999</v>
      </c>
      <c r="V45" s="41" t="s">
        <v>48</v>
      </c>
      <c r="W45" s="51">
        <v>237.14400000000001</v>
      </c>
      <c r="X45" s="41" t="s">
        <v>48</v>
      </c>
      <c r="Y45" s="47">
        <v>263.47699999999998</v>
      </c>
      <c r="Z45" s="41" t="s">
        <v>48</v>
      </c>
      <c r="AA45" s="51">
        <v>196.41399999999999</v>
      </c>
      <c r="AB45" s="40" t="s">
        <v>48</v>
      </c>
      <c r="AC45" s="47">
        <v>1052.8599999999999</v>
      </c>
      <c r="AD45" s="41" t="s">
        <v>48</v>
      </c>
      <c r="AE45" s="51">
        <v>1211.1289999999999</v>
      </c>
      <c r="AF45" s="41" t="s">
        <v>48</v>
      </c>
      <c r="AG45" s="47">
        <v>1512.4670000000001</v>
      </c>
      <c r="AH45" s="41" t="s">
        <v>48</v>
      </c>
      <c r="AI45" s="52">
        <v>1055.47</v>
      </c>
      <c r="AJ45" s="40" t="s">
        <v>48</v>
      </c>
    </row>
    <row r="46" spans="1:36" ht="14.1" customHeight="1" thickTop="1" thickBot="1" x14ac:dyDescent="0.2">
      <c r="A46" s="68" t="s">
        <v>44</v>
      </c>
      <c r="B46" s="62"/>
      <c r="C46" s="47">
        <v>22.079000000000001</v>
      </c>
      <c r="D46" s="38" t="s">
        <v>48</v>
      </c>
      <c r="E46" s="47">
        <v>21.898</v>
      </c>
      <c r="F46" s="38" t="s">
        <v>48</v>
      </c>
      <c r="G46" s="47">
        <v>30.172000000000001</v>
      </c>
      <c r="H46" s="38" t="s">
        <v>48</v>
      </c>
      <c r="I46" s="52">
        <v>22.074000000000002</v>
      </c>
      <c r="J46" s="39" t="s">
        <v>48</v>
      </c>
      <c r="K46" s="47">
        <v>831.35799999999995</v>
      </c>
      <c r="L46" s="41" t="s">
        <v>48</v>
      </c>
      <c r="M46" s="47">
        <v>900.50900000000001</v>
      </c>
      <c r="N46" s="41" t="s">
        <v>48</v>
      </c>
      <c r="O46" s="47">
        <v>1148.886</v>
      </c>
      <c r="P46" s="41" t="s">
        <v>48</v>
      </c>
      <c r="Q46" s="53">
        <v>833.13199999999995</v>
      </c>
      <c r="R46" s="40" t="s">
        <v>48</v>
      </c>
      <c r="S46" s="68" t="s">
        <v>44</v>
      </c>
      <c r="T46" s="62"/>
      <c r="U46" s="47">
        <v>186.72800000000001</v>
      </c>
      <c r="V46" s="41" t="s">
        <v>48</v>
      </c>
      <c r="W46" s="47">
        <v>214.583</v>
      </c>
      <c r="X46" s="41" t="s">
        <v>48</v>
      </c>
      <c r="Y46" s="47">
        <v>235.62299999999999</v>
      </c>
      <c r="Z46" s="41" t="s">
        <v>48</v>
      </c>
      <c r="AA46" s="51">
        <v>187.44200000000001</v>
      </c>
      <c r="AB46" s="40" t="s">
        <v>48</v>
      </c>
      <c r="AC46" s="47">
        <v>1040.164</v>
      </c>
      <c r="AD46" s="41" t="s">
        <v>48</v>
      </c>
      <c r="AE46" s="47">
        <v>1136.991</v>
      </c>
      <c r="AF46" s="41" t="s">
        <v>48</v>
      </c>
      <c r="AG46" s="47">
        <v>1414.681</v>
      </c>
      <c r="AH46" s="41" t="s">
        <v>48</v>
      </c>
      <c r="AI46" s="53">
        <v>1042.6489999999999</v>
      </c>
      <c r="AJ46" s="40" t="s">
        <v>48</v>
      </c>
    </row>
    <row r="47" spans="1:36" ht="14.1" customHeight="1" thickTop="1" thickBot="1" x14ac:dyDescent="0.2">
      <c r="A47" s="68" t="s">
        <v>45</v>
      </c>
      <c r="B47" s="62"/>
      <c r="C47" s="47">
        <v>19.786000000000001</v>
      </c>
      <c r="D47" s="38" t="s">
        <v>48</v>
      </c>
      <c r="E47" s="47">
        <v>21.495999999999999</v>
      </c>
      <c r="F47" s="38" t="s">
        <v>48</v>
      </c>
      <c r="G47" s="47">
        <v>28.94</v>
      </c>
      <c r="H47" s="38" t="s">
        <v>48</v>
      </c>
      <c r="I47" s="53">
        <v>19.815000000000001</v>
      </c>
      <c r="J47" s="39" t="s">
        <v>48</v>
      </c>
      <c r="K47" s="47">
        <v>837.19899999999996</v>
      </c>
      <c r="L47" s="41" t="s">
        <v>48</v>
      </c>
      <c r="M47" s="47">
        <v>949.39800000000002</v>
      </c>
      <c r="N47" s="41" t="s">
        <v>48</v>
      </c>
      <c r="O47" s="47">
        <v>1217.0250000000001</v>
      </c>
      <c r="P47" s="41" t="s">
        <v>48</v>
      </c>
      <c r="Q47" s="52">
        <v>839.09</v>
      </c>
      <c r="R47" s="40" t="s">
        <v>48</v>
      </c>
      <c r="S47" s="68" t="s">
        <v>45</v>
      </c>
      <c r="T47" s="62"/>
      <c r="U47" s="47">
        <v>195.38</v>
      </c>
      <c r="V47" s="41" t="s">
        <v>48</v>
      </c>
      <c r="W47" s="47">
        <v>235.792</v>
      </c>
      <c r="X47" s="41" t="s">
        <v>48</v>
      </c>
      <c r="Y47" s="47">
        <v>262.27199999999999</v>
      </c>
      <c r="Z47" s="41" t="s">
        <v>48</v>
      </c>
      <c r="AA47" s="53">
        <v>196.06100000000001</v>
      </c>
      <c r="AB47" s="40" t="s">
        <v>48</v>
      </c>
      <c r="AC47" s="47">
        <v>1052.364</v>
      </c>
      <c r="AD47" s="41" t="s">
        <v>48</v>
      </c>
      <c r="AE47" s="47">
        <v>1206.6859999999999</v>
      </c>
      <c r="AF47" s="41" t="s">
        <v>48</v>
      </c>
      <c r="AG47" s="47">
        <v>1508.2370000000001</v>
      </c>
      <c r="AH47" s="41" t="s">
        <v>48</v>
      </c>
      <c r="AI47" s="52">
        <v>1054.9649999999999</v>
      </c>
      <c r="AJ47" s="40" t="s">
        <v>48</v>
      </c>
    </row>
    <row r="48" spans="1:36" ht="14.1" customHeight="1" thickTop="1" thickBot="1" x14ac:dyDescent="0.2">
      <c r="A48" s="68" t="s">
        <v>55</v>
      </c>
      <c r="B48" s="62"/>
      <c r="C48" s="47">
        <v>10.907999999999999</v>
      </c>
      <c r="D48" s="38" t="s">
        <v>48</v>
      </c>
      <c r="E48" s="38" t="s">
        <v>48</v>
      </c>
      <c r="F48" s="38" t="s">
        <v>48</v>
      </c>
      <c r="G48" s="47">
        <v>29.943000000000001</v>
      </c>
      <c r="H48" s="38" t="s">
        <v>48</v>
      </c>
      <c r="I48" s="52">
        <v>10.907999999999999</v>
      </c>
      <c r="J48" s="39" t="s">
        <v>48</v>
      </c>
      <c r="K48" s="47">
        <v>623.77599999999995</v>
      </c>
      <c r="L48" s="41" t="s">
        <v>48</v>
      </c>
      <c r="M48" s="41" t="s">
        <v>48</v>
      </c>
      <c r="N48" s="41" t="s">
        <v>48</v>
      </c>
      <c r="O48" s="47">
        <v>1199.944</v>
      </c>
      <c r="P48" s="41" t="s">
        <v>48</v>
      </c>
      <c r="Q48" s="52">
        <v>623.77599999999995</v>
      </c>
      <c r="R48" s="40" t="s">
        <v>48</v>
      </c>
      <c r="S48" s="68" t="s">
        <v>46</v>
      </c>
      <c r="T48" s="62"/>
      <c r="U48" s="47">
        <v>151.786</v>
      </c>
      <c r="V48" s="41" t="s">
        <v>48</v>
      </c>
      <c r="W48" s="41" t="s">
        <v>48</v>
      </c>
      <c r="X48" s="41" t="s">
        <v>48</v>
      </c>
      <c r="Y48" s="47">
        <v>226.166</v>
      </c>
      <c r="Z48" s="41" t="s">
        <v>48</v>
      </c>
      <c r="AA48" s="52">
        <v>151.786</v>
      </c>
      <c r="AB48" s="40" t="s">
        <v>48</v>
      </c>
      <c r="AC48" s="47">
        <v>786.47</v>
      </c>
      <c r="AD48" s="41" t="s">
        <v>48</v>
      </c>
      <c r="AE48" s="41" t="s">
        <v>48</v>
      </c>
      <c r="AF48" s="41" t="s">
        <v>48</v>
      </c>
      <c r="AG48" s="47">
        <v>1456.0530000000001</v>
      </c>
      <c r="AH48" s="41" t="s">
        <v>48</v>
      </c>
      <c r="AI48" s="52">
        <v>786.47</v>
      </c>
      <c r="AJ48" s="40" t="s">
        <v>48</v>
      </c>
    </row>
    <row r="49" spans="1:36" ht="14.1" customHeight="1" thickTop="1" thickBot="1" x14ac:dyDescent="0.2">
      <c r="A49" s="66" t="s">
        <v>56</v>
      </c>
      <c r="B49" s="67"/>
      <c r="C49" s="54">
        <v>19.216000000000001</v>
      </c>
      <c r="D49" s="42" t="s">
        <v>48</v>
      </c>
      <c r="E49" s="56">
        <v>21.495999999999999</v>
      </c>
      <c r="F49" s="42" t="s">
        <v>48</v>
      </c>
      <c r="G49" s="54">
        <v>28.96</v>
      </c>
      <c r="H49" s="42" t="s">
        <v>48</v>
      </c>
      <c r="I49" s="55">
        <v>19.251999999999999</v>
      </c>
      <c r="J49" s="43" t="s">
        <v>48</v>
      </c>
      <c r="K49" s="54">
        <v>823.50400000000002</v>
      </c>
      <c r="L49" s="44" t="s">
        <v>48</v>
      </c>
      <c r="M49" s="56">
        <v>949.39800000000002</v>
      </c>
      <c r="N49" s="44" t="s">
        <v>48</v>
      </c>
      <c r="O49" s="54">
        <v>1216.6759999999999</v>
      </c>
      <c r="P49" s="44" t="s">
        <v>48</v>
      </c>
      <c r="Q49" s="55">
        <v>825.49199999999996</v>
      </c>
      <c r="R49" s="45" t="s">
        <v>48</v>
      </c>
      <c r="S49" s="66" t="s">
        <v>56</v>
      </c>
      <c r="T49" s="67"/>
      <c r="U49" s="54">
        <v>192.58199999999999</v>
      </c>
      <c r="V49" s="44" t="s">
        <v>48</v>
      </c>
      <c r="W49" s="56">
        <v>235.792</v>
      </c>
      <c r="X49" s="44" t="s">
        <v>48</v>
      </c>
      <c r="Y49" s="54">
        <v>261.53500000000003</v>
      </c>
      <c r="Z49" s="44" t="s">
        <v>48</v>
      </c>
      <c r="AA49" s="55">
        <v>193.26499999999999</v>
      </c>
      <c r="AB49" s="45" t="s">
        <v>48</v>
      </c>
      <c r="AC49" s="54">
        <v>1035.3030000000001</v>
      </c>
      <c r="AD49" s="44" t="s">
        <v>48</v>
      </c>
      <c r="AE49" s="56">
        <v>1206.6859999999999</v>
      </c>
      <c r="AF49" s="44" t="s">
        <v>48</v>
      </c>
      <c r="AG49" s="54">
        <v>1507.171</v>
      </c>
      <c r="AH49" s="44" t="s">
        <v>48</v>
      </c>
      <c r="AI49" s="55">
        <v>1038.009</v>
      </c>
      <c r="AJ49" s="45" t="s">
        <v>48</v>
      </c>
    </row>
    <row r="50" spans="1:36" ht="15.75" customHeight="1" x14ac:dyDescent="0.15">
      <c r="A50" s="58"/>
      <c r="B50" s="58"/>
      <c r="C50" s="58"/>
      <c r="D50" s="58"/>
      <c r="E50" s="58"/>
      <c r="F50" s="58"/>
      <c r="G50" s="58"/>
      <c r="H50" s="58"/>
      <c r="I50" s="59"/>
      <c r="J50" s="58"/>
      <c r="K50" s="58"/>
      <c r="L50" s="58"/>
      <c r="M50" s="58"/>
      <c r="N50" s="58"/>
      <c r="O50" s="58"/>
      <c r="P50" s="58"/>
      <c r="Q50" s="58"/>
      <c r="R50" s="60"/>
      <c r="S50" s="60"/>
      <c r="T50" s="60"/>
      <c r="U50" s="58"/>
      <c r="V50" s="58"/>
      <c r="W50" s="58"/>
      <c r="X50" s="58"/>
      <c r="Y50" s="58"/>
      <c r="Z50" s="58"/>
      <c r="AA50" s="58"/>
      <c r="AB50" s="60"/>
      <c r="AC50" s="58"/>
      <c r="AD50" s="58"/>
      <c r="AE50" s="58"/>
      <c r="AF50" s="58"/>
      <c r="AG50" s="58"/>
      <c r="AH50" s="58"/>
      <c r="AI50" s="59"/>
      <c r="AJ50" s="60"/>
    </row>
    <row r="51" spans="1:36" ht="15.75" customHeight="1" x14ac:dyDescent="0.15">
      <c r="AB51" s="2"/>
    </row>
    <row r="52" spans="1:36" ht="15.75" customHeight="1" x14ac:dyDescent="0.15">
      <c r="AB52" s="2"/>
    </row>
    <row r="53" spans="1:36" ht="15.75" customHeight="1" x14ac:dyDescent="0.15">
      <c r="AB53" s="2"/>
    </row>
    <row r="54" spans="1:36" ht="15.75" customHeight="1" x14ac:dyDescent="0.15">
      <c r="AB54" s="2"/>
    </row>
    <row r="55" spans="1:36" ht="15.75" customHeight="1" x14ac:dyDescent="0.15">
      <c r="AB55" s="2"/>
    </row>
    <row r="56" spans="1:36" ht="15.75" customHeight="1" x14ac:dyDescent="0.15">
      <c r="AB56" s="2"/>
    </row>
    <row r="57" spans="1:36" ht="15.75" customHeight="1" x14ac:dyDescent="0.15">
      <c r="AB57" s="2"/>
    </row>
    <row r="58" spans="1:36" ht="15.75" customHeight="1" x14ac:dyDescent="0.15">
      <c r="AB58" s="2"/>
    </row>
    <row r="59" spans="1:36" ht="15.75" customHeight="1" x14ac:dyDescent="0.15">
      <c r="AB59" s="2"/>
    </row>
    <row r="60" spans="1:36" ht="15.75" customHeight="1" x14ac:dyDescent="0.15">
      <c r="AB60" s="2"/>
    </row>
    <row r="61" spans="1:36" ht="15.75" customHeight="1" x14ac:dyDescent="0.15">
      <c r="AB61" s="2"/>
    </row>
    <row r="62" spans="1:36" ht="15.75" customHeight="1" x14ac:dyDescent="0.15">
      <c r="AB62" s="2"/>
    </row>
    <row r="63" spans="1:36" ht="15.75" customHeight="1" x14ac:dyDescent="0.15">
      <c r="AB63" s="2"/>
    </row>
    <row r="64" spans="1:36" ht="15.75" customHeight="1" x14ac:dyDescent="0.15">
      <c r="AB64" s="2"/>
    </row>
    <row r="65" spans="28:28" ht="15.75" customHeight="1" x14ac:dyDescent="0.15">
      <c r="AB65" s="2"/>
    </row>
    <row r="66" spans="28:28" ht="15.75" customHeight="1" x14ac:dyDescent="0.15">
      <c r="AB66" s="2"/>
    </row>
    <row r="67" spans="28:28" ht="15.75" customHeight="1" x14ac:dyDescent="0.15">
      <c r="AB67" s="2"/>
    </row>
    <row r="68" spans="28:28" ht="15.75" customHeight="1" x14ac:dyDescent="0.15">
      <c r="AB68" s="2"/>
    </row>
    <row r="69" spans="28:28" ht="15.75" customHeight="1" x14ac:dyDescent="0.15">
      <c r="AB69" s="2"/>
    </row>
    <row r="70" spans="28:28" ht="15.75" customHeight="1" x14ac:dyDescent="0.15">
      <c r="AB70" s="2"/>
    </row>
    <row r="71" spans="28:28" ht="15.75" customHeight="1" x14ac:dyDescent="0.15">
      <c r="AB71" s="2"/>
    </row>
    <row r="72" spans="28:28" ht="15.75" customHeight="1" x14ac:dyDescent="0.15">
      <c r="AB72" s="2"/>
    </row>
    <row r="73" spans="28:28" ht="15.75" customHeight="1" x14ac:dyDescent="0.15">
      <c r="AB73" s="2"/>
    </row>
    <row r="74" spans="28:28" ht="15.75" customHeight="1" x14ac:dyDescent="0.15">
      <c r="AB74" s="2"/>
    </row>
    <row r="75" spans="28:28" ht="15.75" customHeight="1" x14ac:dyDescent="0.15">
      <c r="AB75" s="2"/>
    </row>
    <row r="76" spans="28:28" ht="15.75" customHeight="1" x14ac:dyDescent="0.15">
      <c r="AB76" s="2"/>
    </row>
    <row r="77" spans="28:28" ht="15.75" customHeight="1" x14ac:dyDescent="0.15">
      <c r="AB77" s="2"/>
    </row>
    <row r="78" spans="28:28" ht="15.75" customHeight="1" x14ac:dyDescent="0.15">
      <c r="AB78" s="2"/>
    </row>
    <row r="79" spans="28:28" ht="15.75" customHeight="1" x14ac:dyDescent="0.15">
      <c r="AB79" s="2"/>
    </row>
    <row r="80" spans="28:28" ht="15.75" customHeight="1" x14ac:dyDescent="0.15">
      <c r="AB80" s="2"/>
    </row>
    <row r="81" spans="28:28" ht="15.75" customHeight="1" x14ac:dyDescent="0.15">
      <c r="AB81" s="2"/>
    </row>
    <row r="82" spans="28:28" ht="15.75" customHeight="1" x14ac:dyDescent="0.15">
      <c r="AB82" s="2"/>
    </row>
    <row r="83" spans="28:28" ht="15.75" customHeight="1" x14ac:dyDescent="0.15">
      <c r="AB83" s="2"/>
    </row>
    <row r="84" spans="28:28" ht="15.75" customHeight="1" x14ac:dyDescent="0.15">
      <c r="AB84" s="2"/>
    </row>
    <row r="85" spans="28:28" ht="15.75" customHeight="1" x14ac:dyDescent="0.15">
      <c r="AB85" s="2"/>
    </row>
    <row r="86" spans="28:28" ht="15.75" customHeight="1" x14ac:dyDescent="0.15">
      <c r="AB86" s="2"/>
    </row>
    <row r="87" spans="28:28" ht="15.75" customHeight="1" x14ac:dyDescent="0.15">
      <c r="AB87" s="2"/>
    </row>
    <row r="88" spans="28:28" ht="15.75" customHeight="1" x14ac:dyDescent="0.15">
      <c r="AB88" s="2"/>
    </row>
    <row r="89" spans="28:28" ht="15.75" customHeight="1" x14ac:dyDescent="0.15">
      <c r="AB89" s="2"/>
    </row>
    <row r="90" spans="28:28" ht="15.75" customHeight="1" x14ac:dyDescent="0.15">
      <c r="AB90" s="2"/>
    </row>
    <row r="91" spans="28:28" ht="15.75" customHeight="1" x14ac:dyDescent="0.15">
      <c r="AB91" s="2"/>
    </row>
    <row r="92" spans="28:28" ht="15.75" customHeight="1" x14ac:dyDescent="0.15">
      <c r="AB92" s="2"/>
    </row>
    <row r="93" spans="28:28" ht="15.75" customHeight="1" x14ac:dyDescent="0.15">
      <c r="AB93" s="2"/>
    </row>
    <row r="94" spans="28:28" ht="15.75" customHeight="1" x14ac:dyDescent="0.15">
      <c r="AB94" s="2"/>
    </row>
    <row r="95" spans="28:28" ht="15.75" customHeight="1" x14ac:dyDescent="0.15">
      <c r="AB95" s="2"/>
    </row>
    <row r="96" spans="28:28" ht="15.75" customHeight="1" x14ac:dyDescent="0.15">
      <c r="AB96" s="2"/>
    </row>
    <row r="97" spans="28:28" ht="15.75" customHeight="1" x14ac:dyDescent="0.15">
      <c r="AB97" s="2"/>
    </row>
    <row r="98" spans="28:28" ht="15.75" customHeight="1" x14ac:dyDescent="0.15">
      <c r="AB98" s="2"/>
    </row>
    <row r="99" spans="28:28" ht="15.75" customHeight="1" x14ac:dyDescent="0.15">
      <c r="AB99" s="2"/>
    </row>
    <row r="100" spans="28:28" ht="15.75" customHeight="1" x14ac:dyDescent="0.15">
      <c r="AB100" s="2"/>
    </row>
    <row r="101" spans="28:28" ht="15.75" customHeight="1" x14ac:dyDescent="0.15">
      <c r="AB101" s="2"/>
    </row>
    <row r="102" spans="28:28" ht="15.75" customHeight="1" x14ac:dyDescent="0.15">
      <c r="AB102" s="2"/>
    </row>
    <row r="103" spans="28:28" ht="15.75" customHeight="1" x14ac:dyDescent="0.15">
      <c r="AB103" s="2"/>
    </row>
    <row r="104" spans="28:28" ht="15.75" customHeight="1" x14ac:dyDescent="0.15">
      <c r="AB104" s="2"/>
    </row>
    <row r="105" spans="28:28" ht="15.75" customHeight="1" x14ac:dyDescent="0.15">
      <c r="AB105" s="2"/>
    </row>
    <row r="106" spans="28:28" ht="15.75" customHeight="1" x14ac:dyDescent="0.15">
      <c r="AB106" s="2"/>
    </row>
    <row r="107" spans="28:28" ht="15.75" customHeight="1" x14ac:dyDescent="0.15">
      <c r="AB107" s="2"/>
    </row>
    <row r="108" spans="28:28" ht="15.75" customHeight="1" x14ac:dyDescent="0.15">
      <c r="AB108" s="2"/>
    </row>
    <row r="109" spans="28:28" ht="15.75" customHeight="1" x14ac:dyDescent="0.15">
      <c r="AB109" s="2"/>
    </row>
    <row r="110" spans="28:28" ht="15.75" customHeight="1" x14ac:dyDescent="0.15">
      <c r="AB110" s="2"/>
    </row>
    <row r="111" spans="28:28" ht="15.75" customHeight="1" x14ac:dyDescent="0.15">
      <c r="AB111" s="2"/>
    </row>
    <row r="112" spans="28:28" ht="15.75" customHeight="1" x14ac:dyDescent="0.15">
      <c r="AB112" s="2"/>
    </row>
    <row r="113" spans="28:28" ht="15.75" customHeight="1" x14ac:dyDescent="0.15">
      <c r="AB113" s="2"/>
    </row>
    <row r="114" spans="28:28" ht="15.75" customHeight="1" x14ac:dyDescent="0.15">
      <c r="AB114" s="2"/>
    </row>
    <row r="115" spans="28:28" ht="15.75" customHeight="1" x14ac:dyDescent="0.15">
      <c r="AB115" s="2"/>
    </row>
    <row r="116" spans="28:28" ht="15.75" customHeight="1" x14ac:dyDescent="0.15">
      <c r="AB116" s="2"/>
    </row>
    <row r="117" spans="28:28" ht="15.75" customHeight="1" x14ac:dyDescent="0.15">
      <c r="AB117" s="2"/>
    </row>
    <row r="118" spans="28:28" ht="15.75" customHeight="1" x14ac:dyDescent="0.15">
      <c r="AB118" s="2"/>
    </row>
    <row r="119" spans="28:28" ht="15.75" customHeight="1" x14ac:dyDescent="0.15">
      <c r="AB119" s="2"/>
    </row>
    <row r="120" spans="28:28" ht="15.75" customHeight="1" x14ac:dyDescent="0.15">
      <c r="AB120" s="2"/>
    </row>
    <row r="121" spans="28:28" ht="15.75" customHeight="1" x14ac:dyDescent="0.15">
      <c r="AB121" s="2"/>
    </row>
    <row r="122" spans="28:28" ht="15.75" customHeight="1" x14ac:dyDescent="0.15">
      <c r="AB122" s="2"/>
    </row>
    <row r="123" spans="28:28" ht="15.75" customHeight="1" x14ac:dyDescent="0.15">
      <c r="AB123" s="2"/>
    </row>
    <row r="124" spans="28:28" ht="15.75" customHeight="1" x14ac:dyDescent="0.15">
      <c r="AB124" s="2"/>
    </row>
    <row r="125" spans="28:28" ht="15.75" customHeight="1" x14ac:dyDescent="0.15">
      <c r="AB125" s="2"/>
    </row>
    <row r="126" spans="28:28" ht="15.75" customHeight="1" x14ac:dyDescent="0.15">
      <c r="AB126" s="2"/>
    </row>
    <row r="127" spans="28:28" ht="15.75" customHeight="1" x14ac:dyDescent="0.15">
      <c r="AB127" s="2"/>
    </row>
    <row r="128" spans="28:28" ht="15.75" customHeight="1" x14ac:dyDescent="0.15">
      <c r="AB128" s="2"/>
    </row>
  </sheetData>
  <mergeCells count="32">
    <mergeCell ref="A3:B5"/>
    <mergeCell ref="C3:J3"/>
    <mergeCell ref="K3:R3"/>
    <mergeCell ref="S3:T5"/>
    <mergeCell ref="O4:P4"/>
    <mergeCell ref="Q4:R4"/>
    <mergeCell ref="U3:AB3"/>
    <mergeCell ref="AC3:AJ3"/>
    <mergeCell ref="C4:D4"/>
    <mergeCell ref="E4:F4"/>
    <mergeCell ref="G4:H4"/>
    <mergeCell ref="I4:J4"/>
    <mergeCell ref="K4:L4"/>
    <mergeCell ref="M4:N4"/>
    <mergeCell ref="AG4:AH4"/>
    <mergeCell ref="AI4:AJ4"/>
    <mergeCell ref="AE4:AF4"/>
    <mergeCell ref="A45:B45"/>
    <mergeCell ref="S45:T45"/>
    <mergeCell ref="U4:V4"/>
    <mergeCell ref="W4:X4"/>
    <mergeCell ref="Y4:Z4"/>
    <mergeCell ref="AA4:AB4"/>
    <mergeCell ref="AC4:AD4"/>
    <mergeCell ref="A49:B49"/>
    <mergeCell ref="S49:T49"/>
    <mergeCell ref="A46:B46"/>
    <mergeCell ref="S46:T46"/>
    <mergeCell ref="A47:B47"/>
    <mergeCell ref="S47:T47"/>
    <mergeCell ref="A48:B48"/>
    <mergeCell ref="S48:T48"/>
  </mergeCells>
  <phoneticPr fontId="2"/>
  <printOptions horizontalCentered="1" gridLinesSet="0"/>
  <pageMargins left="0.7" right="0.7" top="0.75" bottom="0.75" header="0.3" footer="0.3"/>
  <pageSetup paperSize="9" scale="76" pageOrder="overThenDown" orientation="landscape" blackAndWhite="1" r:id="rId1"/>
  <headerFooter alignWithMargins="0"/>
  <rowBreaks count="1" manualBreakCount="1">
    <brk id="260" max="65535" man="1"/>
  </rowBreaks>
  <colBreaks count="1" manualBreakCount="1"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給付 (4)</vt:lpstr>
      <vt:lpstr>'給付 (4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13:05Z</cp:lastPrinted>
  <dcterms:created xsi:type="dcterms:W3CDTF">2018-03-07T07:23:13Z</dcterms:created>
  <dcterms:modified xsi:type="dcterms:W3CDTF">2018-03-20T01:41:43Z</dcterms:modified>
</cp:coreProperties>
</file>